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426"/>
  <workbookPr codeName="ThisWorkbook"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3A37C2B9-26C8-4413-B88A-75EF604D8ED3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definedNames>
    <definedName name="_xlnm._FilterDatabase" localSheetId="0" hidden="1">sheet1!$A$2:$D$569</definedName>
    <definedName name="OLE_LINK1" localSheetId="0">sheet1!#REF!</definedName>
    <definedName name="_xlnm.Print_Area" localSheetId="0">sheet1!$A$2:$D$569</definedName>
  </definedNames>
  <calcPr calcId="145621" concurrentCalc="0"/>
  <extLs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1702" uniqueCount="755">
  <si>
    <t>BUSINESS COMMUNICATION</t>
  </si>
  <si>
    <t>ACCOUNTING I</t>
  </si>
  <si>
    <t>ACCOUNTING II</t>
  </si>
  <si>
    <t>AMERICAN ENTERPRISE PROJECT</t>
  </si>
  <si>
    <t>BANKING &amp; FINANCIAL SYSTEMS</t>
  </si>
  <si>
    <t>BUSINESS CALCULATIONS</t>
  </si>
  <si>
    <t>BUSINESS ETHICS</t>
  </si>
  <si>
    <t>BUSINESS FINANCIAL PLAN</t>
  </si>
  <si>
    <t>BUSINESS LAW</t>
  </si>
  <si>
    <t>BUSINESS PLAN</t>
  </si>
  <si>
    <t>BUSINESS PROCEDURES</t>
  </si>
  <si>
    <t>COMMUNITY SERVICE PROJECT</t>
  </si>
  <si>
    <t>COMPUTER APPLICATIONS</t>
  </si>
  <si>
    <t>CYBER SECURITY</t>
  </si>
  <si>
    <t>DESKTOP PUBLISHING</t>
  </si>
  <si>
    <t>DIGITAL VIDEO PRODUCTION</t>
  </si>
  <si>
    <t>ECONOMICS</t>
  </si>
  <si>
    <t>ELECTRONIC CAREER PORTFOLIO</t>
  </si>
  <si>
    <t>GLOBAL BUSINESS</t>
  </si>
  <si>
    <t>IMPROMPTU SPEAKING</t>
  </si>
  <si>
    <t>INTRO TO BUSINESS</t>
  </si>
  <si>
    <t>INTRO TO BUSINESS COMMUNICATION</t>
  </si>
  <si>
    <t>INTRO TO PARLIAMENTARY PROCEDURE</t>
  </si>
  <si>
    <t>INTRO TO TECHNOLOGY CONCEPTS</t>
  </si>
  <si>
    <t>JOB INTERVIEW</t>
  </si>
  <si>
    <t>LOCAL CHAPTER ANNUAL BUSINESS REPORT</t>
  </si>
  <si>
    <t>MANAGEMENT DECISION MAKING</t>
  </si>
  <si>
    <t>NETWORKING CONCEPTS</t>
  </si>
  <si>
    <t>PARTNERSHIP WITH BUSINESS PROJECT</t>
  </si>
  <si>
    <t>PUBLIC SPEAKING I</t>
  </si>
  <si>
    <t>PUBLIC SPEAKING II</t>
  </si>
  <si>
    <t>WORD PROCESSING I</t>
  </si>
  <si>
    <t>PARLIAMENTARY PROCEDURE</t>
  </si>
  <si>
    <t>ENTREPRENEURSHIP</t>
  </si>
  <si>
    <t>FUTURE BUSINESS LEADER</t>
  </si>
  <si>
    <t>BUSINESS PRESENTATION</t>
  </si>
  <si>
    <t>CLIENT SERVICE</t>
  </si>
  <si>
    <t>E-BUSINESS</t>
  </si>
  <si>
    <t>MANAGEMENT INFORMATION SYSTEMS</t>
  </si>
  <si>
    <t>PERSONAL FINANCE</t>
  </si>
  <si>
    <t>-</t>
  </si>
  <si>
    <t>HELP DESK</t>
  </si>
  <si>
    <t>SPORTS MANAGEMENT</t>
  </si>
  <si>
    <t>SPREADSHEET APPLICATIONS</t>
  </si>
  <si>
    <t>TECHNOLOGY CONCEPTS</t>
  </si>
  <si>
    <t>WORD PROCESSING II</t>
  </si>
  <si>
    <t>DIGITAL DESIGN AND PROMOTION</t>
  </si>
  <si>
    <t>HEALTHCARE ADMINISTRATION</t>
  </si>
  <si>
    <t>BUSINESS MATH</t>
  </si>
  <si>
    <t>COMPUTER PROBLEM SOLVING</t>
  </si>
  <si>
    <t>FBLA PRINCIPLES AND PROCEDURES</t>
  </si>
  <si>
    <t>HOSPITALITY MANAGEMENT</t>
  </si>
  <si>
    <t>DATABASE DESIGN &amp; APPLICATIONS</t>
  </si>
  <si>
    <t>DESKTOP APPLICATION PROGRAMING</t>
  </si>
  <si>
    <t>COMPUTER GAME &amp; SIMULATION</t>
  </si>
  <si>
    <t>EMERGING BUSINESS LEADERS</t>
  </si>
  <si>
    <t>MARKETING</t>
  </si>
  <si>
    <t>NETWORK DESIGN</t>
  </si>
  <si>
    <t>WEB SITE DESIGN</t>
  </si>
  <si>
    <t>MONEY SMART CAMPAIGN</t>
  </si>
  <si>
    <t>Fossil Ridge High School</t>
  </si>
  <si>
    <t>Valley High School</t>
  </si>
  <si>
    <t>Flanagan, Rodriguez, Rogers</t>
  </si>
  <si>
    <t>Pueblo Centennial High School</t>
  </si>
  <si>
    <t>Keiffer, Medina, Shapiro</t>
  </si>
  <si>
    <t>Fleming High School</t>
  </si>
  <si>
    <t>Bouchier, Kurtzer</t>
  </si>
  <si>
    <t>Overland High School</t>
  </si>
  <si>
    <t>Mazique</t>
  </si>
  <si>
    <t>Sargent High School</t>
  </si>
  <si>
    <t>Crowther</t>
  </si>
  <si>
    <t>Caliche High School</t>
  </si>
  <si>
    <t>Caro, Ring</t>
  </si>
  <si>
    <t>Haxtun High School</t>
  </si>
  <si>
    <t>Ness, Schaefer</t>
  </si>
  <si>
    <t>Sterling High School</t>
  </si>
  <si>
    <t>Hadley</t>
  </si>
  <si>
    <t>Holyoke High School</t>
  </si>
  <si>
    <t>Brant, Ham, Rojo</t>
  </si>
  <si>
    <t>Salida High School</t>
  </si>
  <si>
    <t>Woodlin High School</t>
  </si>
  <si>
    <t>Howard, Kitchen</t>
  </si>
  <si>
    <t>Platte Valley High School</t>
  </si>
  <si>
    <t>Holten, Vreyna</t>
  </si>
  <si>
    <t>Thunder Ridge High School</t>
  </si>
  <si>
    <t>Woemprert, Burch</t>
  </si>
  <si>
    <t>Pueblo East High School</t>
  </si>
  <si>
    <t>Montoya, Giavanna</t>
  </si>
  <si>
    <t>Roosevelt High School</t>
  </si>
  <si>
    <t>Brandy, Rouse</t>
  </si>
  <si>
    <t>Revere High School</t>
  </si>
  <si>
    <t>Hartz, Aleia</t>
  </si>
  <si>
    <t>Arapahoe High School</t>
  </si>
  <si>
    <t>Moore, Wilkey</t>
  </si>
  <si>
    <t>Etl, Reinhardt</t>
  </si>
  <si>
    <t>Englewood High School</t>
  </si>
  <si>
    <t>Wilkes, Avjean</t>
  </si>
  <si>
    <t>Taylor Bernard</t>
  </si>
  <si>
    <t>Trevor Chintala</t>
  </si>
  <si>
    <t>Sangre de Cristo High School</t>
  </si>
  <si>
    <t>Abey Stagner</t>
  </si>
  <si>
    <t>Skyler Davis</t>
  </si>
  <si>
    <t>Maggie Marrick</t>
  </si>
  <si>
    <t>Rock Canyon High School</t>
  </si>
  <si>
    <t>Mark Hinds</t>
  </si>
  <si>
    <t>Swink High School</t>
  </si>
  <si>
    <t>Mark Johnson</t>
  </si>
  <si>
    <t>Bennett High School</t>
  </si>
  <si>
    <t>Hadleigh Wailes</t>
  </si>
  <si>
    <t>Castle View High School</t>
  </si>
  <si>
    <t>Zachary Case</t>
  </si>
  <si>
    <t>Sanford High School</t>
  </si>
  <si>
    <t>Sierra Edgar</t>
  </si>
  <si>
    <t>Aaron Cassio</t>
  </si>
  <si>
    <t>Brittany Rogers</t>
  </si>
  <si>
    <t>Chatfield Senior High School</t>
  </si>
  <si>
    <t>Baylee Rice</t>
  </si>
  <si>
    <t>Merino High School</t>
  </si>
  <si>
    <t>Jordan Chavez</t>
  </si>
  <si>
    <t>Tessa Beran</t>
  </si>
  <si>
    <t>Ethan Grasmick</t>
  </si>
  <si>
    <t>Ponderosa High School</t>
  </si>
  <si>
    <t>Kyle Kapaun</t>
  </si>
  <si>
    <t>Stratton High School</t>
  </si>
  <si>
    <t>Clay Corliss</t>
  </si>
  <si>
    <t>Mountain Range High School</t>
  </si>
  <si>
    <t>Jason Freng</t>
  </si>
  <si>
    <t>Michael Krause</t>
  </si>
  <si>
    <t>Grandview High School</t>
  </si>
  <si>
    <t>Sarah Scott</t>
  </si>
  <si>
    <t>Cheyenne Wells High School</t>
  </si>
  <si>
    <t>Kenli Roth</t>
  </si>
  <si>
    <t>Madison Stewart</t>
  </si>
  <si>
    <t>Idalia High School</t>
  </si>
  <si>
    <t>Sierra Weyerman</t>
  </si>
  <si>
    <t>Chase Debus</t>
  </si>
  <si>
    <t>Dove Creek High School</t>
  </si>
  <si>
    <t>Shelbie Knuckles</t>
  </si>
  <si>
    <t>Rampart High School</t>
  </si>
  <si>
    <t>Katy Carpenter</t>
  </si>
  <si>
    <t>Boulder High School</t>
  </si>
  <si>
    <t>Samantha Leonard</t>
  </si>
  <si>
    <t>Emma Johnstone</t>
  </si>
  <si>
    <t>Yuma High School</t>
  </si>
  <si>
    <t>Mallory Gruben</t>
  </si>
  <si>
    <t>Montrose High School</t>
  </si>
  <si>
    <t>Ellen Boddeker</t>
  </si>
  <si>
    <t>Fort Morgan High School</t>
  </si>
  <si>
    <t>Nate Alexander</t>
  </si>
  <si>
    <t>Austin Chavez</t>
  </si>
  <si>
    <t>Eaglecrest High School</t>
  </si>
  <si>
    <t>Austen Carmitchel</t>
  </si>
  <si>
    <t>Pueblo Central High School</t>
  </si>
  <si>
    <t>Gianna DeGarbo</t>
  </si>
  <si>
    <t>Weld Central High School</t>
  </si>
  <si>
    <t>Aaron Galloway</t>
  </si>
  <si>
    <t>Katey Hannafious</t>
  </si>
  <si>
    <t>Crowley County High School</t>
  </si>
  <si>
    <t>Josh Torgler</t>
  </si>
  <si>
    <t>Hannah Mutz</t>
  </si>
  <si>
    <t>Rachel Frantz</t>
  </si>
  <si>
    <t>Frederick High School</t>
  </si>
  <si>
    <t>Daniel Scarbrough</t>
  </si>
  <si>
    <t>Byers High School</t>
  </si>
  <si>
    <t>William Brown</t>
  </si>
  <si>
    <t>Akash Gaonkar</t>
  </si>
  <si>
    <t>Crowther, DePriest, Mayer</t>
  </si>
  <si>
    <t>Cherry Creek High School</t>
  </si>
  <si>
    <t>Geller, Wang</t>
  </si>
  <si>
    <t>Brush High School</t>
  </si>
  <si>
    <t>Brown</t>
  </si>
  <si>
    <t>Blinzinger, Canty, Miller</t>
  </si>
  <si>
    <t>Knapp, Wilkening</t>
  </si>
  <si>
    <t>McNerney, Muppala, Reiling</t>
  </si>
  <si>
    <t>Griffin, Sandoval, Walsh</t>
  </si>
  <si>
    <t>Littleton High School</t>
  </si>
  <si>
    <t>Dinneen</t>
  </si>
  <si>
    <t>Andersen, Lundgren</t>
  </si>
  <si>
    <t>Leonard, Peng, Singh</t>
  </si>
  <si>
    <t>Big Sandy High School</t>
  </si>
  <si>
    <t>Linton, Warmecke</t>
  </si>
  <si>
    <t>Comstock, Lousberg</t>
  </si>
  <si>
    <t>Filby, Grigsby</t>
  </si>
  <si>
    <t>Allen, Kleih, Lehr</t>
  </si>
  <si>
    <t>Eads High School</t>
  </si>
  <si>
    <t>Gyurman, Newman, Sewell</t>
  </si>
  <si>
    <t>Peetz High School</t>
  </si>
  <si>
    <t>Gilham, Heller, Karnik</t>
  </si>
  <si>
    <t>Schroeder, Suter</t>
  </si>
  <si>
    <t>Nelson, Viselmeyer</t>
  </si>
  <si>
    <t>Hoehne High School</t>
  </si>
  <si>
    <t>Delph</t>
  </si>
  <si>
    <t>Gerk, Mari</t>
  </si>
  <si>
    <t>Soroco High School</t>
  </si>
  <si>
    <t>Josie Rossi</t>
  </si>
  <si>
    <t>Alamosa High School</t>
  </si>
  <si>
    <t>Brianna Apodaca</t>
  </si>
  <si>
    <t>Burlington High School</t>
  </si>
  <si>
    <t>Mari Satterly</t>
  </si>
  <si>
    <t>Olathe High School</t>
  </si>
  <si>
    <t>Sara Lovato</t>
  </si>
  <si>
    <t>Katelyn Mack</t>
  </si>
  <si>
    <t>Renee Hansen</t>
  </si>
  <si>
    <t>Ashley Hurlburt</t>
  </si>
  <si>
    <t>Liberty High School</t>
  </si>
  <si>
    <t>Cole Johnson</t>
  </si>
  <si>
    <t>Sheela Kailasam</t>
  </si>
  <si>
    <t>Monarch High School</t>
  </si>
  <si>
    <t>Derek Tully</t>
  </si>
  <si>
    <t>Akron High School</t>
  </si>
  <si>
    <t>Ramey, Holden</t>
  </si>
  <si>
    <t>Delta High School</t>
  </si>
  <si>
    <t>Phillips, Taylor</t>
  </si>
  <si>
    <t>Lopez, Alex</t>
  </si>
  <si>
    <t>Adams City High School</t>
  </si>
  <si>
    <t>Bagby, Dylan</t>
  </si>
  <si>
    <t>Brandenburg, Meridith</t>
  </si>
  <si>
    <t>Rhoades, Connor</t>
  </si>
  <si>
    <t>Cherokee Trail High School</t>
  </si>
  <si>
    <t>Denhoffer, Jake</t>
  </si>
  <si>
    <t>Lone Star School</t>
  </si>
  <si>
    <t>Walsh, Karissa</t>
  </si>
  <si>
    <t>Englewood Senior High School</t>
  </si>
  <si>
    <t>Fitzsimons, Abby</t>
  </si>
  <si>
    <t>Doherty High School</t>
  </si>
  <si>
    <t>Rea, Kendall</t>
  </si>
  <si>
    <t>Estes Park High School</t>
  </si>
  <si>
    <t>Hays, Josh</t>
  </si>
  <si>
    <t>Thornton High School</t>
  </si>
  <si>
    <t>Holton, Jesse</t>
  </si>
  <si>
    <t>Newendorp, Christian</t>
  </si>
  <si>
    <t>Ferry, Jason</t>
  </si>
  <si>
    <t>Lamar High School</t>
  </si>
  <si>
    <t>Hourieh, Sami</t>
  </si>
  <si>
    <t>Air Academy High School</t>
  </si>
  <si>
    <t>Corwin, Samuel</t>
  </si>
  <si>
    <t>Popelar, Jared</t>
  </si>
  <si>
    <t>Kim, Issiah</t>
  </si>
  <si>
    <t>Gupta, Rohit</t>
  </si>
  <si>
    <t>Douglas County High School</t>
  </si>
  <si>
    <t>Ong, Shawn</t>
  </si>
  <si>
    <t>Pine Creek High School</t>
  </si>
  <si>
    <t>Salgado, Bethany</t>
  </si>
  <si>
    <t>Cordova, Alyssa</t>
  </si>
  <si>
    <t>Heritage High School</t>
  </si>
  <si>
    <t xml:space="preserve">Lane, Kyriessa </t>
  </si>
  <si>
    <t>George Washington High School</t>
  </si>
  <si>
    <t>Zeigler, Amy</t>
  </si>
  <si>
    <t xml:space="preserve">Kosten, Rebecca </t>
  </si>
  <si>
    <t>Mause, Alison</t>
  </si>
  <si>
    <t>Janes, Luke</t>
  </si>
  <si>
    <t>Rice, Caitlin</t>
  </si>
  <si>
    <t>Sullivan, Erin</t>
  </si>
  <si>
    <t>Stephens, Alyssa</t>
  </si>
  <si>
    <t>Lavery, Alison</t>
  </si>
  <si>
    <t>Olmos, Mark</t>
  </si>
  <si>
    <t>Meeker High School</t>
  </si>
  <si>
    <t>Beck, Michael</t>
  </si>
  <si>
    <t xml:space="preserve">Britton, Cierra </t>
  </si>
  <si>
    <t>Sotomayor, Marissa</t>
  </si>
  <si>
    <t>Young, Hannah</t>
  </si>
  <si>
    <t>Gerken, Jacob</t>
  </si>
  <si>
    <t>Powers, Graham</t>
  </si>
  <si>
    <t>Green, Ridge</t>
  </si>
  <si>
    <t>Edwards, Brady</t>
  </si>
  <si>
    <t>Hulse, Colter</t>
  </si>
  <si>
    <t xml:space="preserve">Ho, Alexander </t>
  </si>
  <si>
    <t xml:space="preserve">Peterson , Clayton </t>
  </si>
  <si>
    <t>So, Josh</t>
  </si>
  <si>
    <t>Prairie High School</t>
  </si>
  <si>
    <t>Williams, Kendall</t>
  </si>
  <si>
    <t>Gump, Michael</t>
  </si>
  <si>
    <t>Nguyen, Tyler</t>
  </si>
  <si>
    <t>Trexel, Paige</t>
  </si>
  <si>
    <t>Fairview High School</t>
  </si>
  <si>
    <t>Zhang, Jesse</t>
  </si>
  <si>
    <t>Zhang, Casey</t>
  </si>
  <si>
    <t>Hoke, Nicolette</t>
  </si>
  <si>
    <t>Sangre De Cristo High School</t>
  </si>
  <si>
    <t>New, Kathryn</t>
  </si>
  <si>
    <t>Weyerman, Ashton</t>
  </si>
  <si>
    <t>Hansen, Michael</t>
  </si>
  <si>
    <t>Thompson, Caroline</t>
  </si>
  <si>
    <t>Hollenbach, Connor</t>
  </si>
  <si>
    <t>Stephens, Tyler</t>
  </si>
  <si>
    <t>Rodriguez, Aron</t>
  </si>
  <si>
    <t>Windsor High School</t>
  </si>
  <si>
    <t>Weinmeister, Justin</t>
  </si>
  <si>
    <t xml:space="preserve">Rachubinski, Chad </t>
  </si>
  <si>
    <t>Warriner, Carson</t>
  </si>
  <si>
    <t>Johnson, Daryian</t>
  </si>
  <si>
    <t>Walker, Ryan</t>
  </si>
  <si>
    <t>Elizabeth High School</t>
  </si>
  <si>
    <t>Wills, Ryan</t>
  </si>
  <si>
    <t>South Park Junior-Senior High School</t>
  </si>
  <si>
    <t xml:space="preserve">Robison, Joshua </t>
  </si>
  <si>
    <t>Brunette, Kylie</t>
  </si>
  <si>
    <t>Stroh, Michael</t>
  </si>
  <si>
    <t>Basagoitia, Alexandre</t>
  </si>
  <si>
    <t>Rocky Ford High School</t>
  </si>
  <si>
    <t>Finnell, Seth</t>
  </si>
  <si>
    <t>Chan, David</t>
  </si>
  <si>
    <t>Rossi, Jessica</t>
  </si>
  <si>
    <t>Terrell, Jennay</t>
  </si>
  <si>
    <t>Holguin, Carlos</t>
  </si>
  <si>
    <t>Battle Mountain High School</t>
  </si>
  <si>
    <t>Lynch, Kelsey</t>
  </si>
  <si>
    <t>Kurtz, Katie</t>
  </si>
  <si>
    <t>Legacy High School</t>
  </si>
  <si>
    <t>Fudge, Kristyn</t>
  </si>
  <si>
    <t>Cox, Elaine</t>
  </si>
  <si>
    <t>Lousberg, Sabrina</t>
  </si>
  <si>
    <t>Senthilnathan, Lakshmi</t>
  </si>
  <si>
    <t>Pierson, Kathryn</t>
  </si>
  <si>
    <t>Park, Shi Hyung</t>
  </si>
  <si>
    <t>Barman, Nava</t>
  </si>
  <si>
    <t>Mountain Vista High School</t>
  </si>
  <si>
    <t>Sharma, Abhi</t>
  </si>
  <si>
    <t xml:space="preserve">Price, Michael </t>
  </si>
  <si>
    <t>Gile, Curtis</t>
  </si>
  <si>
    <t>Thompson, Marc</t>
  </si>
  <si>
    <t>Sun, Shaofan</t>
  </si>
  <si>
    <t>McGraw, David</t>
  </si>
  <si>
    <t>Hall, Katie</t>
  </si>
  <si>
    <t>Ouray High School</t>
  </si>
  <si>
    <t>Neehaus, James</t>
  </si>
  <si>
    <t>Joie Amaya</t>
  </si>
  <si>
    <t>Terra Seyler</t>
  </si>
  <si>
    <t>Denise Cano</t>
  </si>
  <si>
    <t>Derrick Pierce</t>
  </si>
  <si>
    <t>Monte Vista High School</t>
  </si>
  <si>
    <t>Marissa Trujillo</t>
  </si>
  <si>
    <t>Jason Dutton</t>
  </si>
  <si>
    <t>Kayle Kane</t>
  </si>
  <si>
    <t>Marika Basgortia</t>
  </si>
  <si>
    <t>Denver East High School</t>
  </si>
  <si>
    <t>Ouray Walker</t>
  </si>
  <si>
    <t>Caroline O'Donnell</t>
  </si>
  <si>
    <t>Fiscus, Josh</t>
  </si>
  <si>
    <t>Grossman, Michael</t>
  </si>
  <si>
    <t>Carey, Connor</t>
  </si>
  <si>
    <t>Eggert, John Paul</t>
  </si>
  <si>
    <t>Poole, Patrick</t>
  </si>
  <si>
    <t>Causey, Jamie</t>
  </si>
  <si>
    <t>Oliver, Henry</t>
  </si>
  <si>
    <t>Mayfield, Kori</t>
  </si>
  <si>
    <t>Daniels, Jordan</t>
  </si>
  <si>
    <t>Randle, Everett</t>
  </si>
  <si>
    <t>Hoong, Lisa</t>
  </si>
  <si>
    <t>Liberty High School - Joes</t>
  </si>
  <si>
    <t>Mendoza, Luis</t>
  </si>
  <si>
    <t>Northridge High School</t>
  </si>
  <si>
    <t>Hirsch, Alexandra</t>
  </si>
  <si>
    <t>Gormley, Zachary</t>
  </si>
  <si>
    <t>Veneman, Casey</t>
  </si>
  <si>
    <t>High Tech Early College</t>
  </si>
  <si>
    <t>Martinez, Luis</t>
  </si>
  <si>
    <t>Francescato, Zane</t>
  </si>
  <si>
    <t>Montressor, Alex</t>
  </si>
  <si>
    <t>Van Treese, Kole</t>
  </si>
  <si>
    <t>Fort Collins High School</t>
  </si>
  <si>
    <t>Paschke, Jack</t>
  </si>
  <si>
    <t>Liebman, Gage</t>
  </si>
  <si>
    <t>Crampton, Travis</t>
  </si>
  <si>
    <t>Johnson, Paige</t>
  </si>
  <si>
    <t>Wray High School</t>
  </si>
  <si>
    <t>Ruggles, Corey</t>
  </si>
  <si>
    <t>Moffat County High School</t>
  </si>
  <si>
    <t>Meyers, Robert</t>
  </si>
  <si>
    <t>Green, Deric</t>
  </si>
  <si>
    <t>Schlener, Alex</t>
  </si>
  <si>
    <t>Simpson, Travis</t>
  </si>
  <si>
    <t>Denver South High School</t>
  </si>
  <si>
    <t>Dang, Vu</t>
  </si>
  <si>
    <t>Phillips, Aaron</t>
  </si>
  <si>
    <t>Schaefer, Allison</t>
  </si>
  <si>
    <t>Fruita Monument High School</t>
  </si>
  <si>
    <t>Espinoza, Franklin</t>
  </si>
  <si>
    <t>Barrett, Eustes, Raizman</t>
  </si>
  <si>
    <t>Beard, Glaser</t>
  </si>
  <si>
    <t>Smoky Hill High School</t>
  </si>
  <si>
    <t>Jennings, Riley, Wortham</t>
  </si>
  <si>
    <t>Packard, Patel, Varkhedi</t>
  </si>
  <si>
    <t>Bellendir, Carnahan-Kuhns, Gutierrez</t>
  </si>
  <si>
    <t>Burt, Dolzani</t>
  </si>
  <si>
    <t>Box, Dealy</t>
  </si>
  <si>
    <t>Howell, Jardinico, Pfeifer</t>
  </si>
  <si>
    <t>Teeter, Elisa</t>
  </si>
  <si>
    <t>Patel, Hardik</t>
  </si>
  <si>
    <t>Rahe, Sienna</t>
  </si>
  <si>
    <t>Tolley, Gina</t>
  </si>
  <si>
    <t>Jensen, Asta</t>
  </si>
  <si>
    <t>Sun, Bill</t>
  </si>
  <si>
    <t>Giampietro, Joe</t>
  </si>
  <si>
    <t>Light, Charles</t>
  </si>
  <si>
    <t>Prark, Donovan</t>
  </si>
  <si>
    <t>Carmin, Jake</t>
  </si>
  <si>
    <t>Mertens, Will</t>
  </si>
  <si>
    <t>Berthoud High School</t>
  </si>
  <si>
    <t>Damberger, Zach</t>
  </si>
  <si>
    <t>Eaton High School</t>
  </si>
  <si>
    <t>Cooper, Zane</t>
  </si>
  <si>
    <t>Blount, Tyler</t>
  </si>
  <si>
    <t xml:space="preserve">Constine, Cody </t>
  </si>
  <si>
    <t>Hester, Caleb</t>
  </si>
  <si>
    <t>Gentry, Andrew</t>
  </si>
  <si>
    <t>Gomez, Admundo</t>
  </si>
  <si>
    <t>Erkocevic, Boskin</t>
  </si>
  <si>
    <t>Seedorf, James</t>
  </si>
  <si>
    <t>Pagosa Springs High School</t>
  </si>
  <si>
    <t>Harbur, Thompson</t>
  </si>
  <si>
    <t>Fowler, Vanatta, Wentz</t>
  </si>
  <si>
    <t>Busch, Miguel</t>
  </si>
  <si>
    <t>Carballido, German, Hackney</t>
  </si>
  <si>
    <t>Lua, Pope</t>
  </si>
  <si>
    <t>Christie, Garrison</t>
  </si>
  <si>
    <t>Degenhardt, Link</t>
  </si>
  <si>
    <t>Guha, Ismail, Ismail</t>
  </si>
  <si>
    <t>McIllece, Colin</t>
  </si>
  <si>
    <t>Brandt, AJ</t>
  </si>
  <si>
    <t xml:space="preserve">Faucette, Dustin </t>
  </si>
  <si>
    <t>Barnes, Rachel</t>
  </si>
  <si>
    <t>Jensen, Rustin</t>
  </si>
  <si>
    <t>Anderson, Spencer</t>
  </si>
  <si>
    <t>Smith, Collin</t>
  </si>
  <si>
    <t>Essek, Nicholas</t>
  </si>
  <si>
    <t>Wimer, Kurt</t>
  </si>
  <si>
    <t>Wilson, Justin</t>
  </si>
  <si>
    <t>Hirakata, Kellie</t>
  </si>
  <si>
    <t>Jones, Delaney</t>
  </si>
  <si>
    <t>Ellicott High School</t>
  </si>
  <si>
    <t>Brewer, Graydon</t>
  </si>
  <si>
    <t>Stansbury, Ethan</t>
  </si>
  <si>
    <t>Knabenshue, Joshua</t>
  </si>
  <si>
    <t>Karlzen, Emily</t>
  </si>
  <si>
    <t>Jabs, Bryce</t>
  </si>
  <si>
    <t>Patil, Sanjay</t>
  </si>
  <si>
    <t>Toyne, Forrest</t>
  </si>
  <si>
    <t>Costello, McArdie</t>
  </si>
  <si>
    <t>Galati, Williams</t>
  </si>
  <si>
    <t>Hodge, Nguyen, Ohler</t>
  </si>
  <si>
    <t>Gomez, Harris, Nguyen</t>
  </si>
  <si>
    <t>Lee, Tapia</t>
  </si>
  <si>
    <t>Elder, Jones</t>
  </si>
  <si>
    <t>Pippitt, Wetherbie</t>
  </si>
  <si>
    <t>Rocky Mountain High School</t>
  </si>
  <si>
    <t>Quadrel, Willmot</t>
  </si>
  <si>
    <t>Poudre High School</t>
  </si>
  <si>
    <t>Moon, Wu</t>
  </si>
  <si>
    <t xml:space="preserve">   </t>
  </si>
  <si>
    <t>Krier, Austin</t>
  </si>
  <si>
    <t>Kim School District RE-88</t>
  </si>
  <si>
    <t>Feemster, Alexa</t>
  </si>
  <si>
    <t>Nichols, Jacob</t>
  </si>
  <si>
    <t>Xian, Jennifer</t>
  </si>
  <si>
    <t>Steppel, Valerie</t>
  </si>
  <si>
    <t>Leofler, James</t>
  </si>
  <si>
    <t>Youngman, Chase</t>
  </si>
  <si>
    <t>Keim, Nathan</t>
  </si>
  <si>
    <t>Houston, Gav</t>
  </si>
  <si>
    <t>Lin, Annie</t>
  </si>
  <si>
    <t>Flagler High School</t>
  </si>
  <si>
    <t>Daniel, Adam</t>
  </si>
  <si>
    <t>O'Donnell, Reagan</t>
  </si>
  <si>
    <t xml:space="preserve">Hodgson, Rayna </t>
  </si>
  <si>
    <t>Lowder, Kaitlin</t>
  </si>
  <si>
    <t>Deer Trail High School</t>
  </si>
  <si>
    <t xml:space="preserve">Lane, Coby </t>
  </si>
  <si>
    <t>Steinman, Kyla</t>
  </si>
  <si>
    <t>Strasburg High School</t>
  </si>
  <si>
    <t>Warren, Dawn</t>
  </si>
  <si>
    <t>Eoff, Melaine</t>
  </si>
  <si>
    <t>Michael, Kaylee</t>
  </si>
  <si>
    <t>Gunther, Nicholas</t>
  </si>
  <si>
    <t>Ashton Gibbs</t>
  </si>
  <si>
    <t>Jay Gokhale</t>
  </si>
  <si>
    <t>Nick D'Ambrosio</t>
  </si>
  <si>
    <t>Cortnie Blazon</t>
  </si>
  <si>
    <t>Ryan Wehe</t>
  </si>
  <si>
    <t>Annica Roberts</t>
  </si>
  <si>
    <t>Colton Cramer</t>
  </si>
  <si>
    <t>Amanda Kendall</t>
  </si>
  <si>
    <t>Charlie McConnell</t>
  </si>
  <si>
    <t>La Junta High School</t>
  </si>
  <si>
    <t>Stephen Mathews</t>
  </si>
  <si>
    <t>Weldon Valley High School</t>
  </si>
  <si>
    <t>Ibrahim, Haneen</t>
  </si>
  <si>
    <t>Traver, Bethann</t>
  </si>
  <si>
    <t>Telluride High School</t>
  </si>
  <si>
    <t>Balkind, Mikaela</t>
  </si>
  <si>
    <t>Powell, Chelsea</t>
  </si>
  <si>
    <t>Kenney, Anna</t>
  </si>
  <si>
    <t>McCracken, Raymond</t>
  </si>
  <si>
    <t>Peyton High School</t>
  </si>
  <si>
    <t>Benett, Amanda</t>
  </si>
  <si>
    <t>Naegele, Ben</t>
  </si>
  <si>
    <t>Drohan, Eric</t>
  </si>
  <si>
    <t>Vahle, Emma</t>
  </si>
  <si>
    <t>Srinivas, Tara</t>
  </si>
  <si>
    <t>Sheets, Eve</t>
  </si>
  <si>
    <t>Centauri High School</t>
  </si>
  <si>
    <t>Anderson, Ellie</t>
  </si>
  <si>
    <t>Eagle Valley</t>
  </si>
  <si>
    <t>Pinto, Natalie</t>
  </si>
  <si>
    <t xml:space="preserve">Lukondi, Austin </t>
  </si>
  <si>
    <t>Fowler High School</t>
  </si>
  <si>
    <t>Carey, Hannah</t>
  </si>
  <si>
    <t>Kolb, Linda</t>
  </si>
  <si>
    <t>Gandee, Kyle</t>
  </si>
  <si>
    <t>Faust, Elle</t>
  </si>
  <si>
    <t>Ness, Kyra</t>
  </si>
  <si>
    <t>Coronado High School</t>
  </si>
  <si>
    <t xml:space="preserve">Tuxhorn, Micheal </t>
  </si>
  <si>
    <t>Lee, Brandon</t>
  </si>
  <si>
    <t>Sikora, Ben</t>
  </si>
  <si>
    <t>Wright, Promise</t>
  </si>
  <si>
    <t>Dovenbarger, Josh</t>
  </si>
  <si>
    <t>Peterson, Tristan</t>
  </si>
  <si>
    <t>Zhou, Amy</t>
  </si>
  <si>
    <t>Lewis, Rylie</t>
  </si>
  <si>
    <t>Avitia, Ana</t>
  </si>
  <si>
    <t>Pitcher, Miah</t>
  </si>
  <si>
    <t>Adair, Kally</t>
  </si>
  <si>
    <t>McInnis, Ryan</t>
  </si>
  <si>
    <t>Shafer, Garrett</t>
  </si>
  <si>
    <t>Arickaree School</t>
  </si>
  <si>
    <t>Jefferson, Joe</t>
  </si>
  <si>
    <t>Cooter, Casey</t>
  </si>
  <si>
    <t>Julesburg High School</t>
  </si>
  <si>
    <t>Regier, Elizabeth</t>
  </si>
  <si>
    <t>English, Morgan</t>
  </si>
  <si>
    <t>Nugent, Ryan</t>
  </si>
  <si>
    <t>Dholakiya, Krishna</t>
  </si>
  <si>
    <t>Trejo, Brockelman</t>
  </si>
  <si>
    <t>Yu, Martindale</t>
  </si>
  <si>
    <t>Vierya, Manweiler, Kline</t>
  </si>
  <si>
    <t>Petty</t>
  </si>
  <si>
    <t>Smith</t>
  </si>
  <si>
    <t>ThunderRidge High School</t>
  </si>
  <si>
    <t>Lozano, Rodriguez</t>
  </si>
  <si>
    <t>Granillo, LeBlanc</t>
  </si>
  <si>
    <t>Gallegos, Gallegos</t>
  </si>
  <si>
    <t>Tarde, Blake</t>
  </si>
  <si>
    <t>Vogel, Kramer, Davis</t>
  </si>
  <si>
    <t>Horizon High School</t>
  </si>
  <si>
    <t>Loeffler, Thompson</t>
  </si>
  <si>
    <t>Aldea, Flaherty</t>
  </si>
  <si>
    <t>Canty, Weaver, Smith</t>
  </si>
  <si>
    <t>Komarovsky</t>
  </si>
  <si>
    <t>Martin, Kelley, Jack</t>
  </si>
  <si>
    <t>Hohnholt, Lorenzo</t>
  </si>
  <si>
    <t>Wise, Keisel, King</t>
  </si>
  <si>
    <t>Yahn, Yahn, Zink</t>
  </si>
  <si>
    <t>Chen, Wong, Chang</t>
  </si>
  <si>
    <t>Oliver, Bruce</t>
  </si>
  <si>
    <t>Pollock, Hayden</t>
  </si>
  <si>
    <t>Bachmann, Bridget</t>
  </si>
  <si>
    <t>Lee, Hudson</t>
  </si>
  <si>
    <t>Bruggeling, Chelsee</t>
  </si>
  <si>
    <t>Northglenn High School</t>
  </si>
  <si>
    <t>Ayala, Crystal</t>
  </si>
  <si>
    <t>Steen, Cassidy</t>
  </si>
  <si>
    <t>Slifer, Savannah</t>
  </si>
  <si>
    <t>Genereaux, Kyler</t>
  </si>
  <si>
    <t>Deitz, Julia</t>
  </si>
  <si>
    <t>Mounfort, Noelle, Thoutt</t>
  </si>
  <si>
    <t>Sutliff, Williams</t>
  </si>
  <si>
    <t>Meyer, Salazar, Schiffer</t>
  </si>
  <si>
    <t>Garza, Keefer, Mozal</t>
  </si>
  <si>
    <t>Hermosillo, Jaquez, Martinez</t>
  </si>
  <si>
    <t>Krier, Usry</t>
  </si>
  <si>
    <t>Belousova, Lukashenka</t>
  </si>
  <si>
    <t>Esarey, Akers, Sexson</t>
  </si>
  <si>
    <t>Heaton, Kelley</t>
  </si>
  <si>
    <t>Bingaman, Weber</t>
  </si>
  <si>
    <t>Hansen, Nash, Ray</t>
  </si>
  <si>
    <t>Atkins, Helfer, Newman</t>
  </si>
  <si>
    <t>MacDonald, Stevenson</t>
  </si>
  <si>
    <t>Hill, Jones</t>
  </si>
  <si>
    <t>Stewart</t>
  </si>
  <si>
    <t>Clevenger, Meier</t>
  </si>
  <si>
    <t>Grasmick, Waggoner</t>
  </si>
  <si>
    <t>Gerona, Kondracki</t>
  </si>
  <si>
    <t>Adu, Liao, Oh</t>
  </si>
  <si>
    <t>Krishnaswamy, Patel</t>
  </si>
  <si>
    <t>Tran, Clara</t>
  </si>
  <si>
    <t>Cook, Tara</t>
  </si>
  <si>
    <t>Lewis, Kaylie</t>
  </si>
  <si>
    <t>Ayalew, Yonas</t>
  </si>
  <si>
    <t>Rains, Shellene</t>
  </si>
  <si>
    <t>Meraz, Jalissa</t>
  </si>
  <si>
    <t>Jett, RW</t>
  </si>
  <si>
    <t>Mendoza, Alejandro</t>
  </si>
  <si>
    <t>Nalla, Susheel</t>
  </si>
  <si>
    <t>Drake, Bonnie</t>
  </si>
  <si>
    <t>Bernhardt, Cox</t>
  </si>
  <si>
    <t>Baeza, Weisshaar, Wood</t>
  </si>
  <si>
    <t>Crowther, Mortensen</t>
  </si>
  <si>
    <t>Kuretich, Tolson</t>
  </si>
  <si>
    <t>Clear, Gonzalez, Keiser</t>
  </si>
  <si>
    <t>Cesko, Hasz, Roan</t>
  </si>
  <si>
    <t>Arkulari, Mathies, Wright</t>
  </si>
  <si>
    <t>Sachtjen, Shook, Shook</t>
  </si>
  <si>
    <t>Dickerson, Krogmeier, Wilson</t>
  </si>
  <si>
    <t>Scholz, Schreyer</t>
  </si>
  <si>
    <t>Narang, Aish</t>
  </si>
  <si>
    <t>Krall, Mackenzie</t>
  </si>
  <si>
    <t>Qadri, Amir</t>
  </si>
  <si>
    <t>Barry, Olivia</t>
  </si>
  <si>
    <t>Alexander, Kelsey</t>
  </si>
  <si>
    <t>McKinley, Lacy</t>
  </si>
  <si>
    <t>Pierce, Megan</t>
  </si>
  <si>
    <t>Chauhan, Shivani</t>
  </si>
  <si>
    <t>Estes Parks High School</t>
  </si>
  <si>
    <t>Cenac, Annette</t>
  </si>
  <si>
    <t>Wilcox, Matt</t>
  </si>
  <si>
    <t>Eveatt, Oquist, Johnson</t>
  </si>
  <si>
    <t>Jones, Burtard</t>
  </si>
  <si>
    <t>Hi-Plains High School</t>
  </si>
  <si>
    <t>Keeler, Richie, Richie</t>
  </si>
  <si>
    <t>Herbert, Boerner</t>
  </si>
  <si>
    <t>McClain</t>
  </si>
  <si>
    <t>Otis High School</t>
  </si>
  <si>
    <t>Johnson, Palser</t>
  </si>
  <si>
    <t>Wirtz, Kissinger, Fleskes</t>
  </si>
  <si>
    <t>Alexander, Plantz, Sherry</t>
  </si>
  <si>
    <t>Barton</t>
  </si>
  <si>
    <t>Frakes, Livingston</t>
  </si>
  <si>
    <t>Camacho, Romero</t>
  </si>
  <si>
    <t>Erkocevic, Platt, Rodriguez</t>
  </si>
  <si>
    <t>Lewis Palmer High School</t>
  </si>
  <si>
    <t>Turner, Wilder</t>
  </si>
  <si>
    <t>Jones, Kenison</t>
  </si>
  <si>
    <t>Feist, Joseph, Klaer</t>
  </si>
  <si>
    <t>Carnahan, Schmid</t>
  </si>
  <si>
    <t>Hickert, Werner</t>
  </si>
  <si>
    <t>Chen, Kamath</t>
  </si>
  <si>
    <t>Jensen, Jensen</t>
  </si>
  <si>
    <t>Chi, Otter</t>
  </si>
  <si>
    <t>Duncan, Taylor</t>
  </si>
  <si>
    <t>Bere, Connaughton</t>
  </si>
  <si>
    <t>Fair, Overley</t>
  </si>
  <si>
    <t>Qadr,  Shin</t>
  </si>
  <si>
    <t>Adamson, Gilchrist, Koenig</t>
  </si>
  <si>
    <t>Oza, Zhang</t>
  </si>
  <si>
    <t>Dilldine, McLeslie</t>
  </si>
  <si>
    <t>Amen, Cannon</t>
  </si>
  <si>
    <t>Duran, Lindsey, Werner</t>
  </si>
  <si>
    <t>Buchanan, Dodge, Klein</t>
  </si>
  <si>
    <t>Hunteman, Moskalski, Strong</t>
  </si>
  <si>
    <t>Hebbel, Jensen, Woodland</t>
  </si>
  <si>
    <t>Palizzi-Rosales</t>
  </si>
  <si>
    <t>Stokely, White</t>
  </si>
  <si>
    <t>Brock, Jenkins, McKibben</t>
  </si>
  <si>
    <t>Garcia, Logan, Logan</t>
  </si>
  <si>
    <t>Lambrecht, Nelson</t>
  </si>
  <si>
    <t>Deon, Johnson, Nino</t>
  </si>
  <si>
    <t>Hastings, Zahorik</t>
  </si>
  <si>
    <t>Yoo, Je Houng</t>
  </si>
  <si>
    <t>Kloewer, Randall</t>
  </si>
  <si>
    <t>Bardi, Eliana</t>
  </si>
  <si>
    <t>Sena, Pamela</t>
  </si>
  <si>
    <t>Tanner, Rachel</t>
  </si>
  <si>
    <t>Orth, Jamie</t>
  </si>
  <si>
    <t>Esch, Patty</t>
  </si>
  <si>
    <t>Pajak, Gabrielle</t>
  </si>
  <si>
    <t>Ramirez, Nathanael</t>
  </si>
  <si>
    <t>Strachan, Kammer</t>
  </si>
  <si>
    <t>Bontempo, Lux, Pankey, Penoyer, Smith</t>
  </si>
  <si>
    <t>Cain, Cunis, Farrar, Kolenbrander</t>
  </si>
  <si>
    <t>Balaun, Bartel, Everett, Granzella, Schehrer</t>
  </si>
  <si>
    <t>Pawnee High School</t>
  </si>
  <si>
    <t>Sanders, Shoemaker, Tilghman, Tilghman</t>
  </si>
  <si>
    <t xml:space="preserve">Dove Creek High School </t>
  </si>
  <si>
    <t>Baughman, Guynes, Jones, McCount</t>
  </si>
  <si>
    <t>Kim School District</t>
  </si>
  <si>
    <t>Gallegos, Gutierrez, Nittler, Yocam</t>
  </si>
  <si>
    <t>Chauhan, Jaim, Lee, Chris, Phillip</t>
  </si>
  <si>
    <t>Baker, Fiscus, Kurtzer, Marble, Owens</t>
  </si>
  <si>
    <t>Denton, Knabenshue, Larsen, Mueller, Ritter</t>
  </si>
  <si>
    <t>Gerk, Hiller, Murillo, Wisdom</t>
  </si>
  <si>
    <t>Richardson</t>
  </si>
  <si>
    <t>Parsons, Lukondi</t>
  </si>
  <si>
    <t>Talmham, Edinger</t>
  </si>
  <si>
    <t>Derrera, Searle</t>
  </si>
  <si>
    <t>Roberson, Walker</t>
  </si>
  <si>
    <t>Creede High School</t>
  </si>
  <si>
    <t>Small, Ward</t>
  </si>
  <si>
    <t>Quach, Vallasenor, Davis</t>
  </si>
  <si>
    <t>Atnip, Erickson</t>
  </si>
  <si>
    <t>Chidambarrram, Yang</t>
  </si>
  <si>
    <t>Evans, Granillo</t>
  </si>
  <si>
    <t>Ling, Steele, Swift</t>
  </si>
  <si>
    <t>Godfrey</t>
  </si>
  <si>
    <t>Serrato, Vandenbrk, Lengfelder</t>
  </si>
  <si>
    <t>Canty, Larsen</t>
  </si>
  <si>
    <t>Durbin, Hiller, Mahnke</t>
  </si>
  <si>
    <t>Hamacher, Thieman, Thieman</t>
  </si>
  <si>
    <t>Feather, Kiel, Meier</t>
  </si>
  <si>
    <t>Hall, Woods, Woods</t>
  </si>
  <si>
    <t>Ray, Uhland</t>
  </si>
  <si>
    <t>Hirakata, Rorick, Smith</t>
  </si>
  <si>
    <t>Bartels, Reid, Van de Kerkhove</t>
  </si>
  <si>
    <t>Beechley, Joska</t>
  </si>
  <si>
    <t>Hotsenpiller, Ronzio</t>
  </si>
  <si>
    <t>Schmidt, Sonnenberg</t>
  </si>
  <si>
    <t>Reneau, Stute</t>
  </si>
  <si>
    <t>Chambless, Matsey, Schroeder</t>
  </si>
  <si>
    <t>Kessock, Merheb, Wegan</t>
  </si>
  <si>
    <t>Huang, Lutkus</t>
  </si>
  <si>
    <t>Rosenkrans, Roos, Stack</t>
  </si>
  <si>
    <t>Martinez, Nichols</t>
  </si>
  <si>
    <t>Brekel, Stahley</t>
  </si>
  <si>
    <t>Gibby, Knapp, Mathews</t>
  </si>
  <si>
    <t>Davidson, Etl</t>
  </si>
  <si>
    <t>Brockhagen, Weber</t>
  </si>
  <si>
    <t>Barlett, Lignell, Pancost</t>
  </si>
  <si>
    <t>Lee, Moore</t>
  </si>
  <si>
    <t>Davis, Lederfine, Sepesy</t>
  </si>
  <si>
    <t>Ducey, Ducey, Sparks</t>
  </si>
  <si>
    <t>Garcia</t>
  </si>
  <si>
    <t>Frese, Lewis</t>
  </si>
  <si>
    <t>Kiel, Sanger, Stuer</t>
  </si>
  <si>
    <t>Stephani, Stephani, Wallace</t>
  </si>
  <si>
    <t>Brown, Personett</t>
  </si>
  <si>
    <t>Carrico, Wagner</t>
  </si>
  <si>
    <t>Jones, Seniw, Shamgunov</t>
  </si>
  <si>
    <t>Wainwright, Trtipasuri, Pucheril</t>
  </si>
  <si>
    <t>Chatfield High School</t>
  </si>
  <si>
    <t>Ashurov, Janke, Wethington</t>
  </si>
  <si>
    <t>Robertson, Austin</t>
  </si>
  <si>
    <t>Elimon, Amber</t>
  </si>
  <si>
    <t>Garcia-Swift, Ivy</t>
  </si>
  <si>
    <t>McFadden, Ashley</t>
  </si>
  <si>
    <t>Holtorf, Lizzie</t>
  </si>
  <si>
    <t>McCoy, Claire</t>
  </si>
  <si>
    <t>Ackerman, Sadie</t>
  </si>
  <si>
    <t>Clear, Alex</t>
  </si>
  <si>
    <t>Sellaro, Carly</t>
  </si>
  <si>
    <t>Zhou, Ruoqui</t>
  </si>
  <si>
    <t>Brent, Spear</t>
  </si>
  <si>
    <t>Pottorff, Sperling</t>
  </si>
  <si>
    <t>Eining, Hill</t>
  </si>
  <si>
    <t>Mameda, Martin</t>
  </si>
  <si>
    <t>Barstow, Murphy</t>
  </si>
  <si>
    <t>Hadeen, Kipp</t>
  </si>
  <si>
    <t>Reddy, Dinneen</t>
  </si>
  <si>
    <t>Sitler, Stoddard</t>
  </si>
  <si>
    <t>Bedsau, Locke</t>
  </si>
  <si>
    <t>LIFE Smarts Challenge</t>
  </si>
  <si>
    <t>Brewer, Jones</t>
  </si>
  <si>
    <t>Event</t>
  </si>
  <si>
    <t>Place</t>
  </si>
  <si>
    <t>School</t>
  </si>
  <si>
    <t>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0"/>
      <name val="Arial"/>
    </font>
    <font>
      <sz val="11"/>
      <color indexed="8"/>
      <name val="Calibri"/>
      <family val="2"/>
    </font>
    <font>
      <b/>
      <sz val="10"/>
      <name val="Arial"/>
      <family val="2"/>
    </font>
    <font>
      <sz val="10"/>
      <name val="Arial"/>
      <family val="2"/>
    </font>
    <font>
      <sz val="10"/>
      <color indexed="8"/>
      <name val="Arial"/>
      <family val="2"/>
    </font>
    <font>
      <sz val="11"/>
      <name val="Calibri"/>
      <family val="2"/>
    </font>
    <font>
      <sz val="11"/>
      <color rgb="FF000000"/>
      <name val="Calibri"/>
      <family val="2"/>
      <scheme val="minor"/>
    </font>
    <font>
      <sz val="10"/>
      <color theme="1"/>
      <name val="Arial"/>
      <family val="2"/>
    </font>
    <font>
      <u/>
      <sz val="10"/>
      <color theme="10"/>
      <name val="Arial"/>
    </font>
    <font>
      <u/>
      <sz val="10"/>
      <color theme="11"/>
      <name val="Arial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rgb="FFC0C0C0"/>
      </left>
      <right style="thin">
        <color rgb="FFC0C0C0"/>
      </right>
      <top/>
      <bottom style="thin">
        <color rgb="FFC0C0C0"/>
      </bottom>
      <diagonal/>
    </border>
    <border>
      <left/>
      <right style="thin">
        <color rgb="FFC0C0C0"/>
      </right>
      <top/>
      <bottom style="thin">
        <color rgb="FFC0C0C0"/>
      </bottom>
      <diagonal/>
    </border>
    <border>
      <left style="thin">
        <color rgb="FFC0C0C0"/>
      </left>
      <right style="thin">
        <color rgb="FFC0C0C0"/>
      </right>
      <top style="thin">
        <color rgb="FFC0C0C0"/>
      </top>
      <bottom style="thin">
        <color rgb="FFC0C0C0"/>
      </bottom>
      <diagonal/>
    </border>
    <border>
      <left/>
      <right style="thin">
        <color rgb="FFC0C0C0"/>
      </right>
      <top style="thin">
        <color rgb="FFC0C0C0"/>
      </top>
      <bottom style="thin">
        <color rgb="FFC0C0C0"/>
      </bottom>
      <diagonal/>
    </border>
    <border>
      <left/>
      <right style="thin">
        <color rgb="FFC0C0C0"/>
      </right>
      <top/>
      <bottom/>
      <diagonal/>
    </border>
  </borders>
  <cellStyleXfs count="8">
    <xf numFmtId="0" fontId="0" fillId="0" borderId="0"/>
    <xf numFmtId="0" fontId="4" fillId="0" borderId="0"/>
    <xf numFmtId="9" fontId="3" fillId="0" borderId="0" applyFont="0" applyFill="0" applyBorder="0" applyAlignment="0" applyProtection="0"/>
    <xf numFmtId="0" fontId="8" fillId="0" borderId="0" applyNumberFormat="0" applyFill="0" applyBorder="0" applyAlignment="0" applyProtection="0"/>
    <xf numFmtId="0" fontId="9" fillId="0" borderId="0" applyNumberFormat="0" applyFill="0" applyBorder="0" applyAlignment="0" applyProtection="0"/>
    <xf numFmtId="0" fontId="8" fillId="0" borderId="0" applyNumberFormat="0" applyFill="0" applyBorder="0" applyAlignment="0" applyProtection="0"/>
    <xf numFmtId="0" fontId="9" fillId="0" borderId="0" applyNumberFormat="0" applyFill="0" applyBorder="0" applyAlignment="0" applyProtection="0"/>
    <xf numFmtId="0" fontId="4" fillId="0" borderId="0"/>
  </cellStyleXfs>
  <cellXfs count="34">
    <xf numFmtId="0" fontId="0" fillId="0" borderId="0" xfId="0"/>
    <xf numFmtId="0" fontId="2" fillId="0" borderId="1" xfId="0" applyFont="1" applyBorder="1"/>
    <xf numFmtId="0" fontId="3" fillId="0" borderId="1" xfId="0" applyFont="1" applyFill="1" applyBorder="1"/>
    <xf numFmtId="0" fontId="3" fillId="0" borderId="1" xfId="0" applyFont="1" applyBorder="1"/>
    <xf numFmtId="0" fontId="3" fillId="0" borderId="1" xfId="0" applyNumberFormat="1" applyFont="1" applyBorder="1" applyAlignment="1">
      <alignment vertical="top"/>
    </xf>
    <xf numFmtId="49" fontId="0" fillId="0" borderId="1" xfId="0" applyNumberFormat="1" applyBorder="1"/>
    <xf numFmtId="0" fontId="1" fillId="0" borderId="1" xfId="1" applyFont="1" applyFill="1" applyBorder="1" applyAlignment="1">
      <alignment wrapText="1"/>
    </xf>
    <xf numFmtId="49" fontId="1" fillId="0" borderId="1" xfId="1" applyNumberFormat="1" applyFont="1" applyFill="1" applyBorder="1" applyAlignment="1">
      <alignment wrapText="1"/>
    </xf>
    <xf numFmtId="1" fontId="3" fillId="0" borderId="1" xfId="0" applyNumberFormat="1" applyFont="1" applyFill="1" applyBorder="1" applyAlignment="1">
      <alignment vertical="top"/>
    </xf>
    <xf numFmtId="1" fontId="0" fillId="0" borderId="1" xfId="0" applyNumberFormat="1" applyBorder="1"/>
    <xf numFmtId="0" fontId="1" fillId="0" borderId="0" xfId="1" applyFont="1" applyFill="1" applyBorder="1" applyAlignment="1">
      <alignment wrapText="1"/>
    </xf>
    <xf numFmtId="0" fontId="0" fillId="0" borderId="0" xfId="0" applyBorder="1"/>
    <xf numFmtId="0" fontId="0" fillId="0" borderId="0" xfId="0" applyFill="1" applyBorder="1"/>
    <xf numFmtId="0" fontId="0" fillId="0" borderId="0" xfId="0" applyFont="1" applyBorder="1"/>
    <xf numFmtId="20" fontId="0" fillId="0" borderId="0" xfId="0" applyNumberFormat="1" applyBorder="1"/>
    <xf numFmtId="0" fontId="4" fillId="0" borderId="0" xfId="0" applyFont="1" applyBorder="1" applyAlignment="1">
      <alignment wrapText="1"/>
    </xf>
    <xf numFmtId="0" fontId="5" fillId="0" borderId="0" xfId="1" applyFont="1" applyFill="1" applyBorder="1" applyAlignment="1">
      <alignment wrapText="1"/>
    </xf>
    <xf numFmtId="0" fontId="1" fillId="0" borderId="2" xfId="1" applyFont="1" applyFill="1" applyBorder="1" applyAlignment="1">
      <alignment wrapText="1"/>
    </xf>
    <xf numFmtId="0" fontId="6" fillId="0" borderId="3" xfId="0" applyFont="1" applyBorder="1" applyAlignment="1">
      <alignment wrapText="1"/>
    </xf>
    <xf numFmtId="0" fontId="6" fillId="0" borderId="4" xfId="0" applyFont="1" applyBorder="1" applyAlignment="1">
      <alignment wrapText="1"/>
    </xf>
    <xf numFmtId="0" fontId="6" fillId="0" borderId="5" xfId="0" applyFont="1" applyBorder="1" applyAlignment="1">
      <alignment wrapText="1"/>
    </xf>
    <xf numFmtId="0" fontId="6" fillId="0" borderId="6" xfId="0" applyFont="1" applyBorder="1" applyAlignment="1">
      <alignment wrapText="1"/>
    </xf>
    <xf numFmtId="0" fontId="1" fillId="0" borderId="3" xfId="1" applyFont="1" applyFill="1" applyBorder="1" applyAlignment="1">
      <alignment wrapText="1"/>
    </xf>
    <xf numFmtId="0" fontId="6" fillId="0" borderId="4" xfId="0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6" fillId="0" borderId="7" xfId="0" applyFont="1" applyBorder="1" applyAlignment="1">
      <alignment wrapText="1"/>
    </xf>
    <xf numFmtId="0" fontId="7" fillId="0" borderId="0" xfId="0" applyFont="1" applyBorder="1" applyAlignment="1">
      <alignment wrapText="1"/>
    </xf>
    <xf numFmtId="0" fontId="5" fillId="0" borderId="2" xfId="1" applyFont="1" applyFill="1" applyBorder="1" applyAlignment="1">
      <alignment wrapText="1"/>
    </xf>
    <xf numFmtId="0" fontId="0" fillId="0" borderId="0" xfId="0" applyFont="1" applyFill="1" applyBorder="1"/>
    <xf numFmtId="49" fontId="0" fillId="0" borderId="0" xfId="0" applyNumberFormat="1"/>
    <xf numFmtId="0" fontId="4" fillId="0" borderId="0" xfId="7" applyFont="1" applyFill="1" applyBorder="1"/>
    <xf numFmtId="0" fontId="1" fillId="0" borderId="0" xfId="1" applyFont="1" applyFill="1" applyBorder="1" applyAlignment="1">
      <alignment horizontal="left" wrapText="1"/>
    </xf>
    <xf numFmtId="9" fontId="1" fillId="0" borderId="0" xfId="2" applyFont="1" applyFill="1" applyBorder="1" applyAlignment="1">
      <alignment wrapText="1"/>
    </xf>
    <xf numFmtId="0" fontId="2" fillId="0" borderId="1" xfId="0" applyNumberFormat="1" applyFont="1" applyBorder="1" applyAlignment="1">
      <alignment vertical="top"/>
    </xf>
  </cellXfs>
  <cellStyles count="8">
    <cellStyle name="Followed Hyperlink" xfId="4" builtinId="9" hidden="1"/>
    <cellStyle name="Followed Hyperlink" xfId="6" builtinId="9" hidden="1"/>
    <cellStyle name="Hyperlink" xfId="3" builtinId="8" hidden="1"/>
    <cellStyle name="Hyperlink" xfId="5" builtinId="8" hidden="1"/>
    <cellStyle name="Normal" xfId="0" builtinId="0"/>
    <cellStyle name="Normal_Sheet1" xfId="1" xr:uid="{00000000-0005-0000-0000-000005000000}"/>
    <cellStyle name="Normal_Sheet13" xfId="7" xr:uid="{00000000-0005-0000-0000-000006000000}"/>
    <cellStyle name="Percent" xfId="2" builtinId="5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076325</xdr:colOff>
      <xdr:row>219</xdr:row>
      <xdr:rowOff>0</xdr:rowOff>
    </xdr:from>
    <xdr:to>
      <xdr:col>2</xdr:col>
      <xdr:colOff>1171575</xdr:colOff>
      <xdr:row>220</xdr:row>
      <xdr:rowOff>19050</xdr:rowOff>
    </xdr:to>
    <xdr:sp macro="" textlink="">
      <xdr:nvSpPr>
        <xdr:cNvPr id="1756" name="Text Box 10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 txBox="1">
          <a:spLocks noChangeArrowheads="1"/>
        </xdr:cNvSpPr>
      </xdr:nvSpPr>
      <xdr:spPr bwMode="auto">
        <a:xfrm>
          <a:off x="7524750" y="43500675"/>
          <a:ext cx="9525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1076325</xdr:colOff>
      <xdr:row>214</xdr:row>
      <xdr:rowOff>0</xdr:rowOff>
    </xdr:from>
    <xdr:to>
      <xdr:col>2</xdr:col>
      <xdr:colOff>1171575</xdr:colOff>
      <xdr:row>215</xdr:row>
      <xdr:rowOff>19051</xdr:rowOff>
    </xdr:to>
    <xdr:sp macro="" textlink="">
      <xdr:nvSpPr>
        <xdr:cNvPr id="1757" name="Text Box 1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 txBox="1">
          <a:spLocks noChangeArrowheads="1"/>
        </xdr:cNvSpPr>
      </xdr:nvSpPr>
      <xdr:spPr bwMode="auto">
        <a:xfrm>
          <a:off x="7524750" y="42595800"/>
          <a:ext cx="9525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D569"/>
  <sheetViews>
    <sheetView tabSelected="1" zoomScale="80" zoomScaleNormal="80" zoomScaleSheetLayoutView="85" zoomScalePageLayoutView="80" workbookViewId="0">
      <pane ySplit="2" topLeftCell="A3" activePane="bottomLeft" state="frozen"/>
      <selection pane="bottomLeft" activeCell="A12" sqref="A12"/>
    </sheetView>
  </sheetViews>
  <sheetFormatPr defaultColWidth="9.140625" defaultRowHeight="14.25" customHeight="1" x14ac:dyDescent="0.2"/>
  <cols>
    <col min="1" max="1" width="48.28515625" style="3" bestFit="1" customWidth="1"/>
    <col min="2" max="2" width="6" style="4" bestFit="1" customWidth="1"/>
    <col min="3" max="3" width="34.7109375" style="3" bestFit="1" customWidth="1"/>
    <col min="4" max="4" width="46" style="3" bestFit="1" customWidth="1"/>
    <col min="5" max="16384" width="9.140625" style="3"/>
  </cols>
  <sheetData>
    <row r="1" spans="1:4" s="1" customFormat="1" ht="14.25" customHeight="1" x14ac:dyDescent="0.2">
      <c r="A1" s="1" t="s">
        <v>751</v>
      </c>
      <c r="B1" s="33" t="s">
        <v>752</v>
      </c>
      <c r="C1" s="1" t="s">
        <v>753</v>
      </c>
      <c r="D1" s="1" t="s">
        <v>754</v>
      </c>
    </row>
    <row r="2" spans="1:4" s="2" customFormat="1" ht="14.25" customHeight="1" x14ac:dyDescent="0.25">
      <c r="A2" s="2" t="s">
        <v>749</v>
      </c>
      <c r="B2" s="8" t="s">
        <v>40</v>
      </c>
      <c r="C2" s="5" t="s">
        <v>430</v>
      </c>
      <c r="D2" s="6" t="s">
        <v>750</v>
      </c>
    </row>
    <row r="3" spans="1:4" s="2" customFormat="1" ht="14.25" customHeight="1" x14ac:dyDescent="0.25">
      <c r="A3" s="2" t="s">
        <v>59</v>
      </c>
      <c r="B3" s="8" t="s">
        <v>40</v>
      </c>
      <c r="C3" s="5" t="s">
        <v>73</v>
      </c>
      <c r="D3" s="6"/>
    </row>
    <row r="4" spans="1:4" s="2" customFormat="1" ht="14.25" customHeight="1" x14ac:dyDescent="0.25">
      <c r="A4" s="2" t="s">
        <v>1</v>
      </c>
      <c r="B4" s="8">
        <v>10</v>
      </c>
      <c r="C4" s="17" t="s">
        <v>209</v>
      </c>
      <c r="D4" s="17" t="s">
        <v>210</v>
      </c>
    </row>
    <row r="5" spans="1:4" s="2" customFormat="1" ht="14.25" customHeight="1" x14ac:dyDescent="0.25">
      <c r="A5" s="2" t="s">
        <v>1</v>
      </c>
      <c r="B5" s="8">
        <v>9</v>
      </c>
      <c r="C5" s="17" t="s">
        <v>211</v>
      </c>
      <c r="D5" s="17" t="s">
        <v>212</v>
      </c>
    </row>
    <row r="6" spans="1:4" s="2" customFormat="1" ht="14.25" customHeight="1" x14ac:dyDescent="0.25">
      <c r="A6" s="2" t="s">
        <v>1</v>
      </c>
      <c r="B6" s="8">
        <v>8</v>
      </c>
      <c r="C6" s="17" t="s">
        <v>195</v>
      </c>
      <c r="D6" s="17" t="s">
        <v>213</v>
      </c>
    </row>
    <row r="7" spans="1:4" s="2" customFormat="1" ht="14.25" customHeight="1" x14ac:dyDescent="0.25">
      <c r="A7" s="2" t="s">
        <v>1</v>
      </c>
      <c r="B7" s="8">
        <v>7</v>
      </c>
      <c r="C7" s="17" t="s">
        <v>214</v>
      </c>
      <c r="D7" s="17" t="s">
        <v>215</v>
      </c>
    </row>
    <row r="8" spans="1:4" s="2" customFormat="1" ht="14.25" customHeight="1" x14ac:dyDescent="0.25">
      <c r="A8" s="2" t="s">
        <v>1</v>
      </c>
      <c r="B8" s="8">
        <v>6</v>
      </c>
      <c r="C8" s="17" t="s">
        <v>169</v>
      </c>
      <c r="D8" s="17" t="s">
        <v>216</v>
      </c>
    </row>
    <row r="9" spans="1:4" s="2" customFormat="1" ht="14.25" customHeight="1" x14ac:dyDescent="0.25">
      <c r="A9" s="2" t="s">
        <v>1</v>
      </c>
      <c r="B9" s="8">
        <v>5</v>
      </c>
      <c r="C9" s="17" t="s">
        <v>60</v>
      </c>
      <c r="D9" s="17" t="s">
        <v>217</v>
      </c>
    </row>
    <row r="10" spans="1:4" s="2" customFormat="1" ht="14.25" customHeight="1" x14ac:dyDescent="0.25">
      <c r="A10" s="2" t="s">
        <v>1</v>
      </c>
      <c r="B10" s="8">
        <v>4</v>
      </c>
      <c r="C10" s="17" t="s">
        <v>218</v>
      </c>
      <c r="D10" s="17" t="s">
        <v>219</v>
      </c>
    </row>
    <row r="11" spans="1:4" s="2" customFormat="1" ht="14.25" customHeight="1" x14ac:dyDescent="0.25">
      <c r="A11" s="2" t="s">
        <v>1</v>
      </c>
      <c r="B11" s="8">
        <v>3</v>
      </c>
      <c r="C11" s="17" t="s">
        <v>220</v>
      </c>
      <c r="D11" s="17" t="s">
        <v>221</v>
      </c>
    </row>
    <row r="12" spans="1:4" s="2" customFormat="1" ht="14.25" customHeight="1" x14ac:dyDescent="0.25">
      <c r="A12" s="2" t="s">
        <v>1</v>
      </c>
      <c r="B12" s="8">
        <v>2</v>
      </c>
      <c r="C12" s="17" t="s">
        <v>222</v>
      </c>
      <c r="D12" s="17" t="s">
        <v>223</v>
      </c>
    </row>
    <row r="13" spans="1:4" s="2" customFormat="1" ht="14.25" customHeight="1" x14ac:dyDescent="0.25">
      <c r="A13" s="2" t="s">
        <v>1</v>
      </c>
      <c r="B13" s="8">
        <v>1</v>
      </c>
      <c r="C13" s="17" t="s">
        <v>224</v>
      </c>
      <c r="D13" s="17" t="s">
        <v>225</v>
      </c>
    </row>
    <row r="14" spans="1:4" s="2" customFormat="1" ht="14.25" customHeight="1" x14ac:dyDescent="0.25">
      <c r="A14" s="2" t="s">
        <v>5</v>
      </c>
      <c r="B14" s="8">
        <v>10</v>
      </c>
      <c r="C14" s="18" t="s">
        <v>226</v>
      </c>
      <c r="D14" s="19" t="s">
        <v>227</v>
      </c>
    </row>
    <row r="15" spans="1:4" s="2" customFormat="1" ht="14.25" customHeight="1" x14ac:dyDescent="0.25">
      <c r="A15" s="2" t="s">
        <v>5</v>
      </c>
      <c r="B15" s="8">
        <v>9</v>
      </c>
      <c r="C15" s="18" t="s">
        <v>228</v>
      </c>
      <c r="D15" s="19" t="s">
        <v>229</v>
      </c>
    </row>
    <row r="16" spans="1:4" s="2" customFormat="1" ht="14.25" customHeight="1" x14ac:dyDescent="0.25">
      <c r="A16" s="2" t="s">
        <v>5</v>
      </c>
      <c r="B16" s="8">
        <v>8</v>
      </c>
      <c r="C16" s="18" t="s">
        <v>226</v>
      </c>
      <c r="D16" s="19" t="s">
        <v>230</v>
      </c>
    </row>
    <row r="17" spans="1:4" s="2" customFormat="1" ht="14.25" customHeight="1" x14ac:dyDescent="0.25">
      <c r="A17" s="2" t="s">
        <v>5</v>
      </c>
      <c r="B17" s="8">
        <v>7</v>
      </c>
      <c r="C17" s="18" t="s">
        <v>207</v>
      </c>
      <c r="D17" s="19" t="s">
        <v>231</v>
      </c>
    </row>
    <row r="18" spans="1:4" s="2" customFormat="1" ht="14.25" customHeight="1" x14ac:dyDescent="0.25">
      <c r="A18" s="2" t="s">
        <v>5</v>
      </c>
      <c r="B18" s="8">
        <v>6</v>
      </c>
      <c r="C18" s="20" t="s">
        <v>232</v>
      </c>
      <c r="D18" s="21" t="s">
        <v>233</v>
      </c>
    </row>
    <row r="19" spans="1:4" s="2" customFormat="1" ht="14.25" customHeight="1" x14ac:dyDescent="0.25">
      <c r="A19" s="2" t="s">
        <v>5</v>
      </c>
      <c r="B19" s="8">
        <v>5</v>
      </c>
      <c r="C19" s="22" t="s">
        <v>234</v>
      </c>
      <c r="D19" s="23" t="s">
        <v>235</v>
      </c>
    </row>
    <row r="20" spans="1:4" s="2" customFormat="1" ht="14.25" customHeight="1" x14ac:dyDescent="0.25">
      <c r="A20" s="2" t="s">
        <v>5</v>
      </c>
      <c r="B20" s="8">
        <v>4</v>
      </c>
      <c r="C20" s="18" t="s">
        <v>138</v>
      </c>
      <c r="D20" s="19" t="s">
        <v>236</v>
      </c>
    </row>
    <row r="21" spans="1:4" s="2" customFormat="1" ht="14.25" customHeight="1" x14ac:dyDescent="0.25">
      <c r="A21" s="2" t="s">
        <v>5</v>
      </c>
      <c r="B21" s="8">
        <v>3</v>
      </c>
      <c r="C21" s="18" t="s">
        <v>218</v>
      </c>
      <c r="D21" s="19" t="s">
        <v>237</v>
      </c>
    </row>
    <row r="22" spans="1:4" s="2" customFormat="1" ht="14.25" customHeight="1" x14ac:dyDescent="0.25">
      <c r="A22" s="2" t="s">
        <v>5</v>
      </c>
      <c r="B22" s="8">
        <v>2</v>
      </c>
      <c r="C22" s="18" t="s">
        <v>128</v>
      </c>
      <c r="D22" s="19" t="s">
        <v>238</v>
      </c>
    </row>
    <row r="23" spans="1:4" s="2" customFormat="1" ht="14.25" customHeight="1" x14ac:dyDescent="0.25">
      <c r="A23" s="2" t="s">
        <v>5</v>
      </c>
      <c r="B23" s="8">
        <v>1</v>
      </c>
      <c r="C23" s="24" t="s">
        <v>239</v>
      </c>
      <c r="D23" s="25" t="s">
        <v>240</v>
      </c>
    </row>
    <row r="24" spans="1:4" s="2" customFormat="1" ht="14.25" customHeight="1" x14ac:dyDescent="0.25">
      <c r="A24" s="2" t="s">
        <v>0</v>
      </c>
      <c r="B24" s="8">
        <v>10</v>
      </c>
      <c r="C24" s="17" t="s">
        <v>241</v>
      </c>
      <c r="D24" s="17" t="s">
        <v>242</v>
      </c>
    </row>
    <row r="25" spans="1:4" s="2" customFormat="1" ht="14.25" customHeight="1" x14ac:dyDescent="0.25">
      <c r="A25" s="2" t="s">
        <v>0</v>
      </c>
      <c r="B25" s="8">
        <v>9</v>
      </c>
      <c r="C25" s="17" t="s">
        <v>77</v>
      </c>
      <c r="D25" s="17" t="s">
        <v>243</v>
      </c>
    </row>
    <row r="26" spans="1:4" s="2" customFormat="1" ht="14.25" customHeight="1" x14ac:dyDescent="0.25">
      <c r="A26" s="2" t="s">
        <v>0</v>
      </c>
      <c r="B26" s="8">
        <v>8</v>
      </c>
      <c r="C26" s="17" t="s">
        <v>244</v>
      </c>
      <c r="D26" s="17" t="s">
        <v>245</v>
      </c>
    </row>
    <row r="27" spans="1:4" s="2" customFormat="1" ht="14.25" customHeight="1" x14ac:dyDescent="0.25">
      <c r="A27" s="2" t="s">
        <v>0</v>
      </c>
      <c r="B27" s="8">
        <v>7</v>
      </c>
      <c r="C27" s="17" t="s">
        <v>246</v>
      </c>
      <c r="D27" s="17" t="s">
        <v>247</v>
      </c>
    </row>
    <row r="28" spans="1:4" s="2" customFormat="1" ht="14.25" customHeight="1" x14ac:dyDescent="0.25">
      <c r="A28" s="2" t="s">
        <v>0</v>
      </c>
      <c r="B28" s="8">
        <v>6</v>
      </c>
      <c r="C28" s="17" t="s">
        <v>92</v>
      </c>
      <c r="D28" s="17" t="s">
        <v>248</v>
      </c>
    </row>
    <row r="29" spans="1:4" s="2" customFormat="1" ht="14.25" customHeight="1" x14ac:dyDescent="0.25">
      <c r="A29" s="2" t="s">
        <v>0</v>
      </c>
      <c r="B29" s="8">
        <v>5</v>
      </c>
      <c r="C29" s="17" t="s">
        <v>60</v>
      </c>
      <c r="D29" s="17" t="s">
        <v>249</v>
      </c>
    </row>
    <row r="30" spans="1:4" s="2" customFormat="1" ht="14.25" customHeight="1" x14ac:dyDescent="0.25">
      <c r="A30" s="2" t="s">
        <v>0</v>
      </c>
      <c r="B30" s="8">
        <v>4</v>
      </c>
      <c r="C30" s="17" t="s">
        <v>186</v>
      </c>
      <c r="D30" s="17" t="s">
        <v>250</v>
      </c>
    </row>
    <row r="31" spans="1:4" s="2" customFormat="1" ht="14.25" customHeight="1" x14ac:dyDescent="0.25">
      <c r="A31" s="2" t="s">
        <v>0</v>
      </c>
      <c r="B31" s="8">
        <v>3</v>
      </c>
      <c r="C31" s="17" t="s">
        <v>60</v>
      </c>
      <c r="D31" s="17" t="s">
        <v>251</v>
      </c>
    </row>
    <row r="32" spans="1:4" s="2" customFormat="1" ht="14.25" customHeight="1" x14ac:dyDescent="0.25">
      <c r="A32" s="2" t="s">
        <v>0</v>
      </c>
      <c r="B32" s="8">
        <v>2</v>
      </c>
      <c r="C32" s="17" t="s">
        <v>140</v>
      </c>
      <c r="D32" s="17" t="s">
        <v>252</v>
      </c>
    </row>
    <row r="33" spans="1:4" s="2" customFormat="1" ht="14.25" customHeight="1" x14ac:dyDescent="0.25">
      <c r="A33" s="2" t="s">
        <v>0</v>
      </c>
      <c r="B33" s="8">
        <v>1</v>
      </c>
      <c r="C33" s="17" t="s">
        <v>84</v>
      </c>
      <c r="D33" s="17" t="s">
        <v>253</v>
      </c>
    </row>
    <row r="34" spans="1:4" s="2" customFormat="1" ht="14.25" customHeight="1" x14ac:dyDescent="0.25">
      <c r="A34" s="2" t="s">
        <v>8</v>
      </c>
      <c r="B34" s="8">
        <v>10</v>
      </c>
      <c r="C34" s="17" t="s">
        <v>128</v>
      </c>
      <c r="D34" s="17" t="s">
        <v>254</v>
      </c>
    </row>
    <row r="35" spans="1:4" s="2" customFormat="1" ht="14.25" customHeight="1" x14ac:dyDescent="0.25">
      <c r="A35" s="2" t="s">
        <v>8</v>
      </c>
      <c r="B35" s="8">
        <v>9</v>
      </c>
      <c r="C35" s="17" t="s">
        <v>239</v>
      </c>
      <c r="D35" s="17" t="s">
        <v>255</v>
      </c>
    </row>
    <row r="36" spans="1:4" s="2" customFormat="1" ht="14.25" customHeight="1" x14ac:dyDescent="0.25">
      <c r="A36" s="2" t="s">
        <v>8</v>
      </c>
      <c r="B36" s="8">
        <v>8</v>
      </c>
      <c r="C36" s="17" t="s">
        <v>256</v>
      </c>
      <c r="D36" s="17" t="s">
        <v>257</v>
      </c>
    </row>
    <row r="37" spans="1:4" s="2" customFormat="1" ht="14.25" customHeight="1" x14ac:dyDescent="0.25">
      <c r="A37" s="2" t="s">
        <v>8</v>
      </c>
      <c r="B37" s="8">
        <v>7</v>
      </c>
      <c r="C37" s="17" t="s">
        <v>204</v>
      </c>
      <c r="D37" s="17" t="s">
        <v>258</v>
      </c>
    </row>
    <row r="38" spans="1:4" s="2" customFormat="1" ht="14.25" customHeight="1" x14ac:dyDescent="0.25">
      <c r="A38" s="2" t="s">
        <v>8</v>
      </c>
      <c r="B38" s="8">
        <v>6</v>
      </c>
      <c r="C38" s="17" t="s">
        <v>179</v>
      </c>
      <c r="D38" s="17" t="s">
        <v>259</v>
      </c>
    </row>
    <row r="39" spans="1:4" s="2" customFormat="1" ht="14.25" customHeight="1" x14ac:dyDescent="0.25">
      <c r="A39" s="2" t="s">
        <v>8</v>
      </c>
      <c r="B39" s="8">
        <v>5</v>
      </c>
      <c r="C39" s="17" t="s">
        <v>138</v>
      </c>
      <c r="D39" s="17" t="s">
        <v>260</v>
      </c>
    </row>
    <row r="40" spans="1:4" s="2" customFormat="1" ht="14.25" customHeight="1" x14ac:dyDescent="0.25">
      <c r="A40" s="2" t="s">
        <v>8</v>
      </c>
      <c r="B40" s="8">
        <v>4</v>
      </c>
      <c r="C40" s="17" t="s">
        <v>147</v>
      </c>
      <c r="D40" s="17" t="s">
        <v>261</v>
      </c>
    </row>
    <row r="41" spans="1:4" s="2" customFormat="1" ht="14.25" customHeight="1" x14ac:dyDescent="0.25">
      <c r="A41" s="2" t="s">
        <v>8</v>
      </c>
      <c r="B41" s="8">
        <v>3</v>
      </c>
      <c r="C41" s="17" t="s">
        <v>175</v>
      </c>
      <c r="D41" s="17" t="s">
        <v>262</v>
      </c>
    </row>
    <row r="42" spans="1:4" s="2" customFormat="1" ht="14.25" customHeight="1" x14ac:dyDescent="0.25">
      <c r="A42" s="2" t="s">
        <v>8</v>
      </c>
      <c r="B42" s="8">
        <v>2</v>
      </c>
      <c r="C42" s="17" t="s">
        <v>211</v>
      </c>
      <c r="D42" s="17" t="s">
        <v>263</v>
      </c>
    </row>
    <row r="43" spans="1:4" s="2" customFormat="1" ht="14.25" customHeight="1" x14ac:dyDescent="0.25">
      <c r="A43" s="2" t="s">
        <v>8</v>
      </c>
      <c r="B43" s="8">
        <v>1</v>
      </c>
      <c r="C43" s="17" t="s">
        <v>73</v>
      </c>
      <c r="D43" s="17" t="s">
        <v>264</v>
      </c>
    </row>
    <row r="44" spans="1:4" s="2" customFormat="1" ht="14.25" customHeight="1" x14ac:dyDescent="0.25">
      <c r="A44" s="2" t="s">
        <v>48</v>
      </c>
      <c r="B44" s="8">
        <v>10</v>
      </c>
      <c r="C44" s="17" t="s">
        <v>220</v>
      </c>
      <c r="D44" s="17" t="s">
        <v>265</v>
      </c>
    </row>
    <row r="45" spans="1:4" s="2" customFormat="1" ht="14.25" customHeight="1" x14ac:dyDescent="0.25">
      <c r="A45" s="2" t="s">
        <v>48</v>
      </c>
      <c r="B45" s="8">
        <v>9</v>
      </c>
      <c r="C45" s="17" t="s">
        <v>228</v>
      </c>
      <c r="D45" s="17" t="s">
        <v>266</v>
      </c>
    </row>
    <row r="46" spans="1:4" s="2" customFormat="1" ht="14.25" customHeight="1" x14ac:dyDescent="0.25">
      <c r="A46" s="2" t="s">
        <v>48</v>
      </c>
      <c r="B46" s="8">
        <v>8</v>
      </c>
      <c r="C46" s="17" t="s">
        <v>111</v>
      </c>
      <c r="D46" s="17" t="s">
        <v>267</v>
      </c>
    </row>
    <row r="47" spans="1:4" s="2" customFormat="1" ht="14.25" customHeight="1" x14ac:dyDescent="0.25">
      <c r="A47" s="2" t="s">
        <v>48</v>
      </c>
      <c r="B47" s="8">
        <v>7</v>
      </c>
      <c r="C47" s="17" t="s">
        <v>218</v>
      </c>
      <c r="D47" s="17" t="s">
        <v>268</v>
      </c>
    </row>
    <row r="48" spans="1:4" s="2" customFormat="1" ht="14.25" customHeight="1" x14ac:dyDescent="0.25">
      <c r="A48" s="2" t="s">
        <v>48</v>
      </c>
      <c r="B48" s="8">
        <v>6</v>
      </c>
      <c r="C48" s="17" t="s">
        <v>269</v>
      </c>
      <c r="D48" s="17" t="s">
        <v>270</v>
      </c>
    </row>
    <row r="49" spans="1:4" s="2" customFormat="1" ht="14.25" customHeight="1" x14ac:dyDescent="0.25">
      <c r="A49" s="2" t="s">
        <v>48</v>
      </c>
      <c r="B49" s="8">
        <v>5</v>
      </c>
      <c r="C49" s="17" t="s">
        <v>157</v>
      </c>
      <c r="D49" s="17" t="s">
        <v>271</v>
      </c>
    </row>
    <row r="50" spans="1:4" s="2" customFormat="1" ht="14.25" customHeight="1" x14ac:dyDescent="0.25">
      <c r="A50" s="2" t="s">
        <v>48</v>
      </c>
      <c r="B50" s="8">
        <v>4</v>
      </c>
      <c r="C50" s="17" t="s">
        <v>128</v>
      </c>
      <c r="D50" s="17" t="s">
        <v>272</v>
      </c>
    </row>
    <row r="51" spans="1:4" s="2" customFormat="1" ht="14.25" customHeight="1" x14ac:dyDescent="0.25">
      <c r="A51" s="2" t="s">
        <v>48</v>
      </c>
      <c r="B51" s="8">
        <v>3</v>
      </c>
      <c r="C51" s="17" t="s">
        <v>239</v>
      </c>
      <c r="D51" s="17" t="s">
        <v>273</v>
      </c>
    </row>
    <row r="52" spans="1:4" s="2" customFormat="1" ht="14.25" customHeight="1" x14ac:dyDescent="0.25">
      <c r="A52" s="2" t="s">
        <v>48</v>
      </c>
      <c r="B52" s="8">
        <v>2</v>
      </c>
      <c r="C52" s="17" t="s">
        <v>274</v>
      </c>
      <c r="D52" s="17" t="s">
        <v>275</v>
      </c>
    </row>
    <row r="53" spans="1:4" s="2" customFormat="1" ht="14.25" customHeight="1" x14ac:dyDescent="0.25">
      <c r="A53" s="2" t="s">
        <v>48</v>
      </c>
      <c r="B53" s="8">
        <v>1</v>
      </c>
      <c r="C53" s="17" t="s">
        <v>274</v>
      </c>
      <c r="D53" s="17" t="s">
        <v>276</v>
      </c>
    </row>
    <row r="54" spans="1:4" s="2" customFormat="1" ht="14.25" customHeight="1" x14ac:dyDescent="0.25">
      <c r="A54" s="2" t="s">
        <v>10</v>
      </c>
      <c r="B54" s="8">
        <v>10</v>
      </c>
      <c r="C54" s="17" t="s">
        <v>84</v>
      </c>
      <c r="D54" s="17" t="s">
        <v>277</v>
      </c>
    </row>
    <row r="55" spans="1:4" s="2" customFormat="1" ht="14.25" customHeight="1" x14ac:dyDescent="0.25">
      <c r="A55" s="2" t="s">
        <v>10</v>
      </c>
      <c r="B55" s="8">
        <v>9</v>
      </c>
      <c r="C55" s="17" t="s">
        <v>278</v>
      </c>
      <c r="D55" s="17" t="s">
        <v>279</v>
      </c>
    </row>
    <row r="56" spans="1:4" s="2" customFormat="1" ht="14.25" customHeight="1" x14ac:dyDescent="0.25">
      <c r="A56" s="2" t="s">
        <v>10</v>
      </c>
      <c r="B56" s="8">
        <v>8</v>
      </c>
      <c r="C56" s="17" t="s">
        <v>133</v>
      </c>
      <c r="D56" s="17" t="s">
        <v>280</v>
      </c>
    </row>
    <row r="57" spans="1:4" s="2" customFormat="1" ht="14.25" customHeight="1" x14ac:dyDescent="0.25">
      <c r="A57" s="2" t="s">
        <v>10</v>
      </c>
      <c r="B57" s="8">
        <v>7</v>
      </c>
      <c r="C57" s="17" t="s">
        <v>140</v>
      </c>
      <c r="D57" s="17" t="s">
        <v>281</v>
      </c>
    </row>
    <row r="58" spans="1:4" s="2" customFormat="1" ht="14.25" customHeight="1" x14ac:dyDescent="0.25">
      <c r="A58" s="2" t="s">
        <v>10</v>
      </c>
      <c r="B58" s="8">
        <v>6</v>
      </c>
      <c r="C58" s="17" t="s">
        <v>234</v>
      </c>
      <c r="D58" s="17" t="s">
        <v>282</v>
      </c>
    </row>
    <row r="59" spans="1:4" s="2" customFormat="1" ht="14.25" customHeight="1" x14ac:dyDescent="0.25">
      <c r="A59" s="2" t="s">
        <v>10</v>
      </c>
      <c r="B59" s="8">
        <v>5</v>
      </c>
      <c r="C59" s="17" t="s">
        <v>239</v>
      </c>
      <c r="D59" s="17" t="s">
        <v>283</v>
      </c>
    </row>
    <row r="60" spans="1:4" s="2" customFormat="1" ht="14.25" customHeight="1" x14ac:dyDescent="0.25">
      <c r="A60" s="2" t="s">
        <v>10</v>
      </c>
      <c r="B60" s="8">
        <v>4</v>
      </c>
      <c r="C60" s="17" t="s">
        <v>92</v>
      </c>
      <c r="D60" s="17" t="s">
        <v>284</v>
      </c>
    </row>
    <row r="61" spans="1:4" s="2" customFormat="1" ht="14.25" customHeight="1" x14ac:dyDescent="0.25">
      <c r="A61" s="2" t="s">
        <v>10</v>
      </c>
      <c r="B61" s="8">
        <v>3</v>
      </c>
      <c r="C61" s="17" t="s">
        <v>60</v>
      </c>
      <c r="D61" s="17" t="s">
        <v>285</v>
      </c>
    </row>
    <row r="62" spans="1:4" s="2" customFormat="1" ht="14.25" customHeight="1" x14ac:dyDescent="0.25">
      <c r="A62" s="2" t="s">
        <v>10</v>
      </c>
      <c r="B62" s="8">
        <v>2</v>
      </c>
      <c r="C62" s="17" t="s">
        <v>286</v>
      </c>
      <c r="D62" s="17" t="s">
        <v>287</v>
      </c>
    </row>
    <row r="63" spans="1:4" s="2" customFormat="1" ht="14.25" customHeight="1" x14ac:dyDescent="0.25">
      <c r="A63" s="2" t="s">
        <v>10</v>
      </c>
      <c r="B63" s="8">
        <v>1</v>
      </c>
      <c r="C63" s="17" t="s">
        <v>274</v>
      </c>
      <c r="D63" s="17" t="s">
        <v>288</v>
      </c>
    </row>
    <row r="64" spans="1:4" s="2" customFormat="1" ht="14.25" customHeight="1" x14ac:dyDescent="0.25">
      <c r="A64" s="2" t="s">
        <v>49</v>
      </c>
      <c r="B64" s="8">
        <v>10</v>
      </c>
      <c r="C64" s="17" t="s">
        <v>117</v>
      </c>
      <c r="D64" s="17" t="s">
        <v>397</v>
      </c>
    </row>
    <row r="65" spans="1:4" s="2" customFormat="1" ht="14.25" customHeight="1" x14ac:dyDescent="0.25">
      <c r="A65" s="2" t="s">
        <v>49</v>
      </c>
      <c r="B65" s="8">
        <v>9</v>
      </c>
      <c r="C65" s="17" t="s">
        <v>398</v>
      </c>
      <c r="D65" s="17" t="s">
        <v>399</v>
      </c>
    </row>
    <row r="66" spans="1:4" s="2" customFormat="1" ht="14.25" customHeight="1" x14ac:dyDescent="0.25">
      <c r="A66" s="2" t="s">
        <v>49</v>
      </c>
      <c r="B66" s="8">
        <v>8</v>
      </c>
      <c r="C66" s="17" t="s">
        <v>400</v>
      </c>
      <c r="D66" s="17" t="s">
        <v>401</v>
      </c>
    </row>
    <row r="67" spans="1:4" s="2" customFormat="1" ht="14.25" customHeight="1" x14ac:dyDescent="0.25">
      <c r="A67" s="2" t="s">
        <v>49</v>
      </c>
      <c r="B67" s="8">
        <v>7</v>
      </c>
      <c r="C67" s="17" t="s">
        <v>398</v>
      </c>
      <c r="D67" s="17" t="s">
        <v>402</v>
      </c>
    </row>
    <row r="68" spans="1:4" s="2" customFormat="1" ht="14.25" customHeight="1" x14ac:dyDescent="0.25">
      <c r="A68" s="2" t="s">
        <v>49</v>
      </c>
      <c r="B68" s="8">
        <v>6</v>
      </c>
      <c r="C68" s="17" t="s">
        <v>193</v>
      </c>
      <c r="D68" s="17" t="s">
        <v>403</v>
      </c>
    </row>
    <row r="69" spans="1:4" s="2" customFormat="1" ht="14.25" customHeight="1" x14ac:dyDescent="0.25">
      <c r="A69" s="2" t="s">
        <v>49</v>
      </c>
      <c r="B69" s="8">
        <v>5</v>
      </c>
      <c r="C69" s="17" t="s">
        <v>103</v>
      </c>
      <c r="D69" s="17" t="s">
        <v>404</v>
      </c>
    </row>
    <row r="70" spans="1:4" s="2" customFormat="1" ht="14.25" customHeight="1" x14ac:dyDescent="0.25">
      <c r="A70" s="2" t="s">
        <v>49</v>
      </c>
      <c r="B70" s="8">
        <v>4</v>
      </c>
      <c r="C70" s="17" t="s">
        <v>239</v>
      </c>
      <c r="D70" s="17" t="s">
        <v>405</v>
      </c>
    </row>
    <row r="71" spans="1:4" s="2" customFormat="1" ht="14.25" customHeight="1" x14ac:dyDescent="0.25">
      <c r="A71" s="2" t="s">
        <v>49</v>
      </c>
      <c r="B71" s="8">
        <v>3</v>
      </c>
      <c r="C71" s="17" t="s">
        <v>355</v>
      </c>
      <c r="D71" s="17" t="s">
        <v>406</v>
      </c>
    </row>
    <row r="72" spans="1:4" s="2" customFormat="1" ht="14.25" customHeight="1" x14ac:dyDescent="0.25">
      <c r="A72" s="2" t="s">
        <v>49</v>
      </c>
      <c r="B72" s="8">
        <v>2</v>
      </c>
      <c r="C72" s="17" t="s">
        <v>207</v>
      </c>
      <c r="D72" s="17" t="s">
        <v>407</v>
      </c>
    </row>
    <row r="73" spans="1:4" s="2" customFormat="1" ht="14.25" customHeight="1" x14ac:dyDescent="0.25">
      <c r="A73" s="2" t="s">
        <v>49</v>
      </c>
      <c r="B73" s="8">
        <v>1</v>
      </c>
      <c r="C73" s="17" t="s">
        <v>143</v>
      </c>
      <c r="D73" s="17" t="s">
        <v>408</v>
      </c>
    </row>
    <row r="74" spans="1:4" s="2" customFormat="1" ht="14.25" customHeight="1" x14ac:dyDescent="0.25">
      <c r="A74" s="2" t="s">
        <v>13</v>
      </c>
      <c r="B74" s="8">
        <v>10</v>
      </c>
      <c r="C74" s="17" t="s">
        <v>109</v>
      </c>
      <c r="D74" s="17" t="s">
        <v>289</v>
      </c>
    </row>
    <row r="75" spans="1:4" s="2" customFormat="1" ht="14.25" customHeight="1" x14ac:dyDescent="0.25">
      <c r="A75" s="2" t="s">
        <v>13</v>
      </c>
      <c r="B75" s="8">
        <v>9</v>
      </c>
      <c r="C75" s="17" t="s">
        <v>179</v>
      </c>
      <c r="D75" s="17" t="s">
        <v>290</v>
      </c>
    </row>
    <row r="76" spans="1:4" s="2" customFormat="1" ht="14.25" customHeight="1" x14ac:dyDescent="0.25">
      <c r="A76" s="2" t="s">
        <v>13</v>
      </c>
      <c r="B76" s="8">
        <v>8</v>
      </c>
      <c r="C76" s="17" t="s">
        <v>207</v>
      </c>
      <c r="D76" s="17" t="s">
        <v>291</v>
      </c>
    </row>
    <row r="77" spans="1:4" s="2" customFormat="1" ht="14.25" customHeight="1" x14ac:dyDescent="0.25">
      <c r="A77" s="2" t="s">
        <v>13</v>
      </c>
      <c r="B77" s="8">
        <v>7</v>
      </c>
      <c r="C77" s="17" t="s">
        <v>292</v>
      </c>
      <c r="D77" s="17" t="s">
        <v>293</v>
      </c>
    </row>
    <row r="78" spans="1:4" s="2" customFormat="1" ht="14.25" customHeight="1" x14ac:dyDescent="0.25">
      <c r="A78" s="2" t="s">
        <v>13</v>
      </c>
      <c r="B78" s="8">
        <v>6</v>
      </c>
      <c r="C78" s="17" t="s">
        <v>294</v>
      </c>
      <c r="D78" s="17" t="s">
        <v>295</v>
      </c>
    </row>
    <row r="79" spans="1:4" s="2" customFormat="1" ht="14.25" customHeight="1" x14ac:dyDescent="0.25">
      <c r="A79" s="2" t="s">
        <v>13</v>
      </c>
      <c r="B79" s="8">
        <v>5</v>
      </c>
      <c r="C79" s="17" t="s">
        <v>239</v>
      </c>
      <c r="D79" s="17" t="s">
        <v>296</v>
      </c>
    </row>
    <row r="80" spans="1:4" s="2" customFormat="1" ht="14.25" customHeight="1" x14ac:dyDescent="0.25">
      <c r="A80" s="2" t="s">
        <v>13</v>
      </c>
      <c r="B80" s="8">
        <v>4</v>
      </c>
      <c r="C80" s="17" t="s">
        <v>60</v>
      </c>
      <c r="D80" s="17" t="s">
        <v>297</v>
      </c>
    </row>
    <row r="81" spans="1:4" s="2" customFormat="1" ht="14.25" customHeight="1" x14ac:dyDescent="0.25">
      <c r="A81" s="2" t="s">
        <v>13</v>
      </c>
      <c r="B81" s="8">
        <v>3</v>
      </c>
      <c r="C81" s="17" t="s">
        <v>69</v>
      </c>
      <c r="D81" s="17" t="s">
        <v>298</v>
      </c>
    </row>
    <row r="82" spans="1:4" s="2" customFormat="1" ht="14.25" customHeight="1" x14ac:dyDescent="0.25">
      <c r="A82" s="2" t="s">
        <v>13</v>
      </c>
      <c r="B82" s="8">
        <v>2</v>
      </c>
      <c r="C82" s="17" t="s">
        <v>299</v>
      </c>
      <c r="D82" s="17" t="s">
        <v>300</v>
      </c>
    </row>
    <row r="83" spans="1:4" s="2" customFormat="1" ht="14.25" customHeight="1" x14ac:dyDescent="0.25">
      <c r="A83" s="2" t="s">
        <v>13</v>
      </c>
      <c r="B83" s="8">
        <v>1</v>
      </c>
      <c r="C83" s="17" t="s">
        <v>246</v>
      </c>
      <c r="D83" s="17" t="s">
        <v>301</v>
      </c>
    </row>
    <row r="84" spans="1:4" s="2" customFormat="1" ht="14.25" customHeight="1" x14ac:dyDescent="0.25">
      <c r="A84" s="2" t="s">
        <v>16</v>
      </c>
      <c r="B84" s="8">
        <v>10</v>
      </c>
      <c r="C84" s="17" t="s">
        <v>224</v>
      </c>
      <c r="D84" s="17" t="s">
        <v>313</v>
      </c>
    </row>
    <row r="85" spans="1:4" s="2" customFormat="1" ht="14.25" customHeight="1" x14ac:dyDescent="0.25">
      <c r="A85" s="2" t="s">
        <v>16</v>
      </c>
      <c r="B85" s="8">
        <v>9</v>
      </c>
      <c r="C85" s="17" t="s">
        <v>128</v>
      </c>
      <c r="D85" s="17" t="s">
        <v>314</v>
      </c>
    </row>
    <row r="86" spans="1:4" s="2" customFormat="1" ht="14.25" customHeight="1" x14ac:dyDescent="0.25">
      <c r="A86" s="2" t="s">
        <v>16</v>
      </c>
      <c r="B86" s="8">
        <v>8</v>
      </c>
      <c r="C86" s="17" t="s">
        <v>218</v>
      </c>
      <c r="D86" s="17" t="s">
        <v>315</v>
      </c>
    </row>
    <row r="87" spans="1:4" s="2" customFormat="1" ht="14.25" customHeight="1" x14ac:dyDescent="0.25">
      <c r="A87" s="2" t="s">
        <v>16</v>
      </c>
      <c r="B87" s="8">
        <v>7</v>
      </c>
      <c r="C87" s="17" t="s">
        <v>316</v>
      </c>
      <c r="D87" s="17" t="s">
        <v>317</v>
      </c>
    </row>
    <row r="88" spans="1:4" s="2" customFormat="1" ht="14.25" customHeight="1" x14ac:dyDescent="0.25">
      <c r="A88" s="2" t="s">
        <v>16</v>
      </c>
      <c r="B88" s="8">
        <v>6</v>
      </c>
      <c r="C88" s="17" t="s">
        <v>60</v>
      </c>
      <c r="D88" s="17" t="s">
        <v>318</v>
      </c>
    </row>
    <row r="89" spans="1:4" s="2" customFormat="1" ht="14.25" customHeight="1" x14ac:dyDescent="0.25">
      <c r="A89" s="2" t="s">
        <v>16</v>
      </c>
      <c r="B89" s="8">
        <v>5</v>
      </c>
      <c r="C89" s="17" t="s">
        <v>246</v>
      </c>
      <c r="D89" s="17" t="s">
        <v>319</v>
      </c>
    </row>
    <row r="90" spans="1:4" s="2" customFormat="1" ht="14.25" customHeight="1" x14ac:dyDescent="0.25">
      <c r="A90" s="2" t="s">
        <v>16</v>
      </c>
      <c r="B90" s="8">
        <v>4</v>
      </c>
      <c r="C90" s="17" t="s">
        <v>244</v>
      </c>
      <c r="D90" s="17" t="s">
        <v>320</v>
      </c>
    </row>
    <row r="91" spans="1:4" s="2" customFormat="1" ht="14.25" customHeight="1" x14ac:dyDescent="0.25">
      <c r="A91" s="2" t="s">
        <v>16</v>
      </c>
      <c r="B91" s="8">
        <v>3</v>
      </c>
      <c r="C91" s="17" t="s">
        <v>207</v>
      </c>
      <c r="D91" s="17" t="s">
        <v>321</v>
      </c>
    </row>
    <row r="92" spans="1:4" s="2" customFormat="1" ht="14.25" customHeight="1" x14ac:dyDescent="0.25">
      <c r="A92" s="2" t="s">
        <v>16</v>
      </c>
      <c r="B92" s="8">
        <v>2</v>
      </c>
      <c r="C92" s="17" t="s">
        <v>60</v>
      </c>
      <c r="D92" s="17" t="s">
        <v>322</v>
      </c>
    </row>
    <row r="93" spans="1:4" s="2" customFormat="1" ht="14.25" customHeight="1" x14ac:dyDescent="0.25">
      <c r="A93" s="2" t="s">
        <v>16</v>
      </c>
      <c r="B93" s="8">
        <v>1</v>
      </c>
      <c r="C93" s="17" t="s">
        <v>140</v>
      </c>
      <c r="D93" s="17" t="s">
        <v>323</v>
      </c>
    </row>
    <row r="94" spans="1:4" s="2" customFormat="1" ht="14.25" customHeight="1" x14ac:dyDescent="0.25">
      <c r="A94" s="2" t="s">
        <v>50</v>
      </c>
      <c r="B94" s="8">
        <v>10</v>
      </c>
      <c r="C94" s="17" t="s">
        <v>193</v>
      </c>
      <c r="D94" s="17" t="s">
        <v>302</v>
      </c>
    </row>
    <row r="95" spans="1:4" s="2" customFormat="1" ht="14.25" customHeight="1" x14ac:dyDescent="0.25">
      <c r="A95" s="2" t="s">
        <v>50</v>
      </c>
      <c r="B95" s="8">
        <v>9</v>
      </c>
      <c r="C95" s="17" t="s">
        <v>133</v>
      </c>
      <c r="D95" s="17" t="s">
        <v>303</v>
      </c>
    </row>
    <row r="96" spans="1:4" s="2" customFormat="1" ht="14.25" customHeight="1" x14ac:dyDescent="0.25">
      <c r="A96" s="2" t="s">
        <v>50</v>
      </c>
      <c r="B96" s="8">
        <v>8</v>
      </c>
      <c r="C96" s="17" t="s">
        <v>67</v>
      </c>
      <c r="D96" s="17" t="s">
        <v>304</v>
      </c>
    </row>
    <row r="97" spans="1:4" s="2" customFormat="1" ht="14.25" customHeight="1" x14ac:dyDescent="0.25">
      <c r="A97" s="2" t="s">
        <v>50</v>
      </c>
      <c r="B97" s="8">
        <v>7</v>
      </c>
      <c r="C97" s="17" t="s">
        <v>305</v>
      </c>
      <c r="D97" s="17" t="s">
        <v>306</v>
      </c>
    </row>
    <row r="98" spans="1:4" s="2" customFormat="1" ht="14.25" customHeight="1" x14ac:dyDescent="0.25">
      <c r="A98" s="2" t="s">
        <v>50</v>
      </c>
      <c r="B98" s="8">
        <v>6</v>
      </c>
      <c r="C98" s="17" t="s">
        <v>63</v>
      </c>
      <c r="D98" s="17" t="s">
        <v>307</v>
      </c>
    </row>
    <row r="99" spans="1:4" s="2" customFormat="1" ht="14.25" customHeight="1" x14ac:dyDescent="0.25">
      <c r="A99" s="2" t="s">
        <v>50</v>
      </c>
      <c r="B99" s="8">
        <v>5</v>
      </c>
      <c r="C99" s="17" t="s">
        <v>73</v>
      </c>
      <c r="D99" s="17" t="s">
        <v>375</v>
      </c>
    </row>
    <row r="100" spans="1:4" s="2" customFormat="1" ht="14.25" customHeight="1" x14ac:dyDescent="0.25">
      <c r="A100" s="2" t="s">
        <v>50</v>
      </c>
      <c r="B100" s="8">
        <v>4</v>
      </c>
      <c r="C100" s="17" t="s">
        <v>308</v>
      </c>
      <c r="D100" s="17" t="s">
        <v>309</v>
      </c>
    </row>
    <row r="101" spans="1:4" s="2" customFormat="1" ht="14.25" customHeight="1" x14ac:dyDescent="0.25">
      <c r="A101" s="2" t="s">
        <v>50</v>
      </c>
      <c r="B101" s="8">
        <v>3</v>
      </c>
      <c r="C101" s="17" t="s">
        <v>239</v>
      </c>
      <c r="D101" s="17" t="s">
        <v>310</v>
      </c>
    </row>
    <row r="102" spans="1:4" s="2" customFormat="1" ht="14.25" customHeight="1" x14ac:dyDescent="0.25">
      <c r="A102" s="2" t="s">
        <v>50</v>
      </c>
      <c r="B102" s="8">
        <v>2</v>
      </c>
      <c r="C102" s="17" t="s">
        <v>65</v>
      </c>
      <c r="D102" s="17" t="s">
        <v>311</v>
      </c>
    </row>
    <row r="103" spans="1:4" s="2" customFormat="1" ht="14.25" customHeight="1" x14ac:dyDescent="0.25">
      <c r="A103" s="2" t="s">
        <v>50</v>
      </c>
      <c r="B103" s="8">
        <v>1</v>
      </c>
      <c r="C103" s="17" t="s">
        <v>239</v>
      </c>
      <c r="D103" s="17" t="s">
        <v>312</v>
      </c>
    </row>
    <row r="104" spans="1:4" s="2" customFormat="1" ht="14.25" customHeight="1" x14ac:dyDescent="0.25">
      <c r="A104" s="2" t="s">
        <v>47</v>
      </c>
      <c r="B104" s="8">
        <v>10</v>
      </c>
      <c r="C104" s="17" t="s">
        <v>169</v>
      </c>
      <c r="D104" s="17" t="s">
        <v>499</v>
      </c>
    </row>
    <row r="105" spans="1:4" s="2" customFormat="1" ht="14.25" customHeight="1" x14ac:dyDescent="0.25">
      <c r="A105" s="2" t="s">
        <v>47</v>
      </c>
      <c r="B105" s="8">
        <v>9</v>
      </c>
      <c r="C105" s="17" t="s">
        <v>500</v>
      </c>
      <c r="D105" s="17" t="s">
        <v>501</v>
      </c>
    </row>
    <row r="106" spans="1:4" s="2" customFormat="1" ht="14.25" customHeight="1" x14ac:dyDescent="0.25">
      <c r="A106" s="2" t="s">
        <v>47</v>
      </c>
      <c r="B106" s="8">
        <v>8</v>
      </c>
      <c r="C106" s="27" t="s">
        <v>502</v>
      </c>
      <c r="D106" s="27" t="s">
        <v>503</v>
      </c>
    </row>
    <row r="107" spans="1:4" s="2" customFormat="1" ht="14.25" customHeight="1" x14ac:dyDescent="0.25">
      <c r="A107" s="2" t="s">
        <v>47</v>
      </c>
      <c r="B107" s="8">
        <v>7</v>
      </c>
      <c r="C107" s="17" t="s">
        <v>278</v>
      </c>
      <c r="D107" s="17" t="s">
        <v>504</v>
      </c>
    </row>
    <row r="108" spans="1:4" s="2" customFormat="1" ht="14.25" customHeight="1" x14ac:dyDescent="0.25">
      <c r="A108" s="2" t="s">
        <v>47</v>
      </c>
      <c r="B108" s="8">
        <v>6</v>
      </c>
      <c r="C108" s="17" t="s">
        <v>505</v>
      </c>
      <c r="D108" s="17" t="s">
        <v>506</v>
      </c>
    </row>
    <row r="109" spans="1:4" s="2" customFormat="1" ht="14.25" customHeight="1" x14ac:dyDescent="0.25">
      <c r="A109" s="2" t="s">
        <v>47</v>
      </c>
      <c r="B109" s="8">
        <v>5</v>
      </c>
      <c r="C109" s="17" t="s">
        <v>69</v>
      </c>
      <c r="D109" s="17" t="s">
        <v>507</v>
      </c>
    </row>
    <row r="110" spans="1:4" s="2" customFormat="1" ht="14.25" customHeight="1" x14ac:dyDescent="0.25">
      <c r="A110" s="2" t="s">
        <v>47</v>
      </c>
      <c r="B110" s="8">
        <v>4</v>
      </c>
      <c r="C110" s="17" t="s">
        <v>71</v>
      </c>
      <c r="D110" s="17" t="s">
        <v>508</v>
      </c>
    </row>
    <row r="111" spans="1:4" s="2" customFormat="1" ht="14.25" customHeight="1" x14ac:dyDescent="0.25">
      <c r="A111" s="2" t="s">
        <v>47</v>
      </c>
      <c r="B111" s="8">
        <v>3</v>
      </c>
      <c r="C111" s="17" t="s">
        <v>88</v>
      </c>
      <c r="D111" s="17" t="s">
        <v>509</v>
      </c>
    </row>
    <row r="112" spans="1:4" s="2" customFormat="1" ht="14.25" customHeight="1" x14ac:dyDescent="0.25">
      <c r="A112" s="2" t="s">
        <v>47</v>
      </c>
      <c r="B112" s="8">
        <v>2</v>
      </c>
      <c r="C112" s="17" t="s">
        <v>73</v>
      </c>
      <c r="D112" s="17" t="s">
        <v>510</v>
      </c>
    </row>
    <row r="113" spans="1:4" s="2" customFormat="1" ht="14.25" customHeight="1" x14ac:dyDescent="0.25">
      <c r="A113" s="2" t="s">
        <v>47</v>
      </c>
      <c r="B113" s="8">
        <v>1</v>
      </c>
      <c r="C113" s="17" t="s">
        <v>511</v>
      </c>
      <c r="D113" s="17" t="s">
        <v>512</v>
      </c>
    </row>
    <row r="114" spans="1:4" s="2" customFormat="1" ht="14.25" customHeight="1" x14ac:dyDescent="0.25">
      <c r="A114" s="2" t="s">
        <v>51</v>
      </c>
      <c r="B114" s="8">
        <v>10</v>
      </c>
      <c r="C114" s="17" t="s">
        <v>367</v>
      </c>
      <c r="D114" s="17" t="s">
        <v>387</v>
      </c>
    </row>
    <row r="115" spans="1:4" s="2" customFormat="1" ht="14.25" customHeight="1" x14ac:dyDescent="0.25">
      <c r="A115" s="2" t="s">
        <v>51</v>
      </c>
      <c r="B115" s="8">
        <v>9</v>
      </c>
      <c r="C115" s="17" t="s">
        <v>232</v>
      </c>
      <c r="D115" s="17" t="s">
        <v>388</v>
      </c>
    </row>
    <row r="116" spans="1:4" s="2" customFormat="1" ht="14.25" customHeight="1" x14ac:dyDescent="0.25">
      <c r="A116" s="2" t="s">
        <v>51</v>
      </c>
      <c r="B116" s="8">
        <v>8</v>
      </c>
      <c r="C116" s="17" t="s">
        <v>79</v>
      </c>
      <c r="D116" s="17" t="s">
        <v>389</v>
      </c>
    </row>
    <row r="117" spans="1:4" s="2" customFormat="1" ht="14.25" customHeight="1" x14ac:dyDescent="0.25">
      <c r="A117" s="2" t="s">
        <v>51</v>
      </c>
      <c r="B117" s="8">
        <v>7</v>
      </c>
      <c r="C117" s="17" t="s">
        <v>175</v>
      </c>
      <c r="D117" s="17" t="s">
        <v>390</v>
      </c>
    </row>
    <row r="118" spans="1:4" s="2" customFormat="1" ht="14.25" customHeight="1" x14ac:dyDescent="0.25">
      <c r="A118" s="2" t="s">
        <v>51</v>
      </c>
      <c r="B118" s="8">
        <v>6</v>
      </c>
      <c r="C118" s="17" t="s">
        <v>63</v>
      </c>
      <c r="D118" s="17" t="s">
        <v>391</v>
      </c>
    </row>
    <row r="119" spans="1:4" s="2" customFormat="1" ht="14.25" customHeight="1" x14ac:dyDescent="0.25">
      <c r="A119" s="2" t="s">
        <v>51</v>
      </c>
      <c r="B119" s="8">
        <v>5</v>
      </c>
      <c r="C119" s="17" t="s">
        <v>316</v>
      </c>
      <c r="D119" s="17" t="s">
        <v>392</v>
      </c>
    </row>
    <row r="120" spans="1:4" s="2" customFormat="1" ht="14.25" customHeight="1" x14ac:dyDescent="0.25">
      <c r="A120" s="2" t="s">
        <v>51</v>
      </c>
      <c r="B120" s="8">
        <v>4</v>
      </c>
      <c r="C120" s="17" t="s">
        <v>103</v>
      </c>
      <c r="D120" s="17" t="s">
        <v>393</v>
      </c>
    </row>
    <row r="121" spans="1:4" s="2" customFormat="1" ht="14.25" customHeight="1" x14ac:dyDescent="0.25">
      <c r="A121" s="2" t="s">
        <v>51</v>
      </c>
      <c r="B121" s="8">
        <v>3</v>
      </c>
      <c r="C121" s="17" t="s">
        <v>207</v>
      </c>
      <c r="D121" s="17" t="s">
        <v>394</v>
      </c>
    </row>
    <row r="122" spans="1:4" s="2" customFormat="1" ht="14.25" customHeight="1" x14ac:dyDescent="0.25">
      <c r="A122" s="2" t="s">
        <v>51</v>
      </c>
      <c r="B122" s="8">
        <v>2</v>
      </c>
      <c r="C122" s="17" t="s">
        <v>308</v>
      </c>
      <c r="D122" s="17" t="s">
        <v>395</v>
      </c>
    </row>
    <row r="123" spans="1:4" s="2" customFormat="1" ht="14.25" customHeight="1" x14ac:dyDescent="0.25">
      <c r="A123" s="2" t="s">
        <v>51</v>
      </c>
      <c r="B123" s="8">
        <v>1</v>
      </c>
      <c r="C123" s="17" t="s">
        <v>82</v>
      </c>
      <c r="D123" s="17" t="s">
        <v>396</v>
      </c>
    </row>
    <row r="124" spans="1:4" s="2" customFormat="1" ht="14.25" customHeight="1" x14ac:dyDescent="0.25">
      <c r="A124" s="2" t="s">
        <v>20</v>
      </c>
      <c r="B124" s="8">
        <v>10</v>
      </c>
      <c r="C124" s="17" t="s">
        <v>485</v>
      </c>
      <c r="D124" s="17" t="s">
        <v>486</v>
      </c>
    </row>
    <row r="125" spans="1:4" s="2" customFormat="1" ht="14.25" customHeight="1" x14ac:dyDescent="0.25">
      <c r="A125" s="2" t="s">
        <v>20</v>
      </c>
      <c r="B125" s="8">
        <v>9</v>
      </c>
      <c r="C125" s="17" t="s">
        <v>105</v>
      </c>
      <c r="D125" s="17" t="s">
        <v>428</v>
      </c>
    </row>
    <row r="126" spans="1:4" s="2" customFormat="1" ht="14.25" customHeight="1" x14ac:dyDescent="0.25">
      <c r="A126" s="2" t="s">
        <v>20</v>
      </c>
      <c r="B126" s="8">
        <v>8</v>
      </c>
      <c r="C126" s="17" t="s">
        <v>292</v>
      </c>
      <c r="D126" s="17" t="s">
        <v>429</v>
      </c>
    </row>
    <row r="127" spans="1:4" s="2" customFormat="1" ht="14.25" customHeight="1" x14ac:dyDescent="0.25">
      <c r="A127" s="2" t="s">
        <v>20</v>
      </c>
      <c r="B127" s="8">
        <v>7</v>
      </c>
      <c r="C127" s="17" t="s">
        <v>430</v>
      </c>
      <c r="D127" s="17" t="s">
        <v>431</v>
      </c>
    </row>
    <row r="128" spans="1:4" s="2" customFormat="1" ht="14.25" customHeight="1" x14ac:dyDescent="0.25">
      <c r="A128" s="2" t="s">
        <v>20</v>
      </c>
      <c r="B128" s="8">
        <v>6</v>
      </c>
      <c r="C128" s="17" t="s">
        <v>207</v>
      </c>
      <c r="D128" s="17" t="s">
        <v>432</v>
      </c>
    </row>
    <row r="129" spans="1:4" s="2" customFormat="1" ht="14.25" customHeight="1" x14ac:dyDescent="0.25">
      <c r="A129" s="2" t="s">
        <v>20</v>
      </c>
      <c r="B129" s="8">
        <v>5</v>
      </c>
      <c r="C129" s="17" t="s">
        <v>105</v>
      </c>
      <c r="D129" s="17" t="s">
        <v>433</v>
      </c>
    </row>
    <row r="130" spans="1:4" s="2" customFormat="1" ht="14.25" customHeight="1" x14ac:dyDescent="0.25">
      <c r="A130" s="2" t="s">
        <v>20</v>
      </c>
      <c r="B130" s="8">
        <v>4</v>
      </c>
      <c r="C130" s="17" t="s">
        <v>207</v>
      </c>
      <c r="D130" s="17" t="s">
        <v>434</v>
      </c>
    </row>
    <row r="131" spans="1:4" s="2" customFormat="1" ht="14.25" customHeight="1" x14ac:dyDescent="0.25">
      <c r="A131" s="2" t="s">
        <v>20</v>
      </c>
      <c r="B131" s="8">
        <v>3</v>
      </c>
      <c r="C131" s="17" t="s">
        <v>60</v>
      </c>
      <c r="D131" s="17" t="s">
        <v>435</v>
      </c>
    </row>
    <row r="132" spans="1:4" s="2" customFormat="1" ht="14.25" customHeight="1" x14ac:dyDescent="0.25">
      <c r="A132" s="2" t="s">
        <v>20</v>
      </c>
      <c r="B132" s="8">
        <v>2</v>
      </c>
      <c r="C132" s="10" t="s">
        <v>92</v>
      </c>
      <c r="D132" s="10" t="s">
        <v>436</v>
      </c>
    </row>
    <row r="133" spans="1:4" s="2" customFormat="1" ht="14.25" customHeight="1" x14ac:dyDescent="0.25">
      <c r="A133" s="2" t="s">
        <v>20</v>
      </c>
      <c r="B133" s="8">
        <v>1</v>
      </c>
      <c r="C133" s="10" t="s">
        <v>90</v>
      </c>
      <c r="D133" s="10" t="s">
        <v>437</v>
      </c>
    </row>
    <row r="134" spans="1:4" s="2" customFormat="1" ht="14.25" customHeight="1" x14ac:dyDescent="0.25">
      <c r="A134" s="2" t="s">
        <v>21</v>
      </c>
      <c r="B134" s="8">
        <v>10</v>
      </c>
      <c r="C134" s="17" t="s">
        <v>105</v>
      </c>
      <c r="D134" s="17" t="s">
        <v>487</v>
      </c>
    </row>
    <row r="135" spans="1:4" s="2" customFormat="1" ht="14.25" customHeight="1" x14ac:dyDescent="0.25">
      <c r="A135" s="2" t="s">
        <v>21</v>
      </c>
      <c r="B135" s="8">
        <v>9</v>
      </c>
      <c r="C135" s="17" t="s">
        <v>488</v>
      </c>
      <c r="D135" s="17" t="s">
        <v>489</v>
      </c>
    </row>
    <row r="136" spans="1:4" s="2" customFormat="1" ht="14.25" customHeight="1" x14ac:dyDescent="0.25">
      <c r="A136" s="2" t="s">
        <v>21</v>
      </c>
      <c r="B136" s="8">
        <v>8</v>
      </c>
      <c r="C136" s="17" t="s">
        <v>157</v>
      </c>
      <c r="D136" s="17" t="s">
        <v>490</v>
      </c>
    </row>
    <row r="137" spans="1:4" s="2" customFormat="1" ht="14.25" customHeight="1" x14ac:dyDescent="0.25">
      <c r="A137" s="2" t="s">
        <v>21</v>
      </c>
      <c r="B137" s="8">
        <v>7</v>
      </c>
      <c r="C137" s="17" t="s">
        <v>75</v>
      </c>
      <c r="D137" s="17" t="s">
        <v>491</v>
      </c>
    </row>
    <row r="138" spans="1:4" s="2" customFormat="1" ht="14.25" customHeight="1" x14ac:dyDescent="0.25">
      <c r="A138" s="2" t="s">
        <v>21</v>
      </c>
      <c r="B138" s="8">
        <v>6</v>
      </c>
      <c r="C138" s="17" t="s">
        <v>228</v>
      </c>
      <c r="D138" s="17" t="s">
        <v>492</v>
      </c>
    </row>
    <row r="139" spans="1:4" s="2" customFormat="1" ht="14.25" customHeight="1" x14ac:dyDescent="0.25">
      <c r="A139" s="2" t="s">
        <v>21</v>
      </c>
      <c r="B139" s="8">
        <v>5</v>
      </c>
      <c r="C139" s="17" t="s">
        <v>493</v>
      </c>
      <c r="D139" s="17" t="s">
        <v>494</v>
      </c>
    </row>
    <row r="140" spans="1:4" s="2" customFormat="1" ht="14.25" customHeight="1" x14ac:dyDescent="0.25">
      <c r="A140" s="2" t="s">
        <v>21</v>
      </c>
      <c r="B140" s="8">
        <v>4</v>
      </c>
      <c r="C140" s="17" t="s">
        <v>186</v>
      </c>
      <c r="D140" s="17" t="s">
        <v>495</v>
      </c>
    </row>
    <row r="141" spans="1:4" s="2" customFormat="1" ht="14.25" customHeight="1" x14ac:dyDescent="0.25">
      <c r="A141" s="2" t="s">
        <v>21</v>
      </c>
      <c r="B141" s="8">
        <v>3</v>
      </c>
      <c r="C141" s="17" t="s">
        <v>197</v>
      </c>
      <c r="D141" s="17" t="s">
        <v>496</v>
      </c>
    </row>
    <row r="142" spans="1:4" s="2" customFormat="1" ht="14.25" customHeight="1" x14ac:dyDescent="0.25">
      <c r="A142" s="2" t="s">
        <v>21</v>
      </c>
      <c r="B142" s="8">
        <v>2</v>
      </c>
      <c r="C142" s="17" t="s">
        <v>92</v>
      </c>
      <c r="D142" s="17" t="s">
        <v>497</v>
      </c>
    </row>
    <row r="143" spans="1:4" s="2" customFormat="1" ht="14.25" customHeight="1" x14ac:dyDescent="0.25">
      <c r="A143" s="2" t="s">
        <v>21</v>
      </c>
      <c r="B143" s="8">
        <v>1</v>
      </c>
      <c r="C143" s="17" t="s">
        <v>274</v>
      </c>
      <c r="D143" s="17" t="s">
        <v>498</v>
      </c>
    </row>
    <row r="144" spans="1:4" s="2" customFormat="1" ht="14.25" customHeight="1" x14ac:dyDescent="0.25">
      <c r="A144" s="2" t="s">
        <v>22</v>
      </c>
      <c r="B144" s="8">
        <v>10</v>
      </c>
      <c r="C144" s="17" t="s">
        <v>461</v>
      </c>
      <c r="D144" s="17" t="s">
        <v>462</v>
      </c>
    </row>
    <row r="145" spans="1:4" s="2" customFormat="1" ht="14.25" customHeight="1" x14ac:dyDescent="0.25">
      <c r="A145" s="2" t="s">
        <v>22</v>
      </c>
      <c r="B145" s="8">
        <v>9</v>
      </c>
      <c r="C145" s="17" t="s">
        <v>88</v>
      </c>
      <c r="D145" s="17" t="s">
        <v>463</v>
      </c>
    </row>
    <row r="146" spans="1:4" s="2" customFormat="1" ht="15" customHeight="1" x14ac:dyDescent="0.25">
      <c r="A146" s="2" t="s">
        <v>22</v>
      </c>
      <c r="B146" s="8">
        <v>8</v>
      </c>
      <c r="C146" s="17" t="s">
        <v>82</v>
      </c>
      <c r="D146" s="17" t="s">
        <v>464</v>
      </c>
    </row>
    <row r="147" spans="1:4" s="2" customFormat="1" ht="14.25" customHeight="1" x14ac:dyDescent="0.25">
      <c r="A147" s="2" t="s">
        <v>22</v>
      </c>
      <c r="B147" s="8">
        <v>7</v>
      </c>
      <c r="C147" s="17" t="s">
        <v>69</v>
      </c>
      <c r="D147" s="17" t="s">
        <v>465</v>
      </c>
    </row>
    <row r="148" spans="1:4" s="2" customFormat="1" ht="14.25" customHeight="1" x14ac:dyDescent="0.25">
      <c r="A148" s="2" t="s">
        <v>22</v>
      </c>
      <c r="B148" s="8">
        <v>6</v>
      </c>
      <c r="C148" s="17" t="s">
        <v>466</v>
      </c>
      <c r="D148" s="17" t="s">
        <v>467</v>
      </c>
    </row>
    <row r="149" spans="1:4" s="2" customFormat="1" ht="14.25" customHeight="1" x14ac:dyDescent="0.25">
      <c r="A149" s="2" t="s">
        <v>22</v>
      </c>
      <c r="B149" s="8">
        <v>5</v>
      </c>
      <c r="C149" s="17" t="s">
        <v>73</v>
      </c>
      <c r="D149" s="17" t="s">
        <v>468</v>
      </c>
    </row>
    <row r="150" spans="1:4" s="2" customFormat="1" ht="14.25" customHeight="1" x14ac:dyDescent="0.25">
      <c r="A150" s="2" t="s">
        <v>22</v>
      </c>
      <c r="B150" s="8">
        <v>4</v>
      </c>
      <c r="C150" s="17" t="s">
        <v>469</v>
      </c>
      <c r="D150" s="17" t="s">
        <v>470</v>
      </c>
    </row>
    <row r="151" spans="1:4" s="2" customFormat="1" ht="15" customHeight="1" x14ac:dyDescent="0.25">
      <c r="A151" s="2" t="s">
        <v>22</v>
      </c>
      <c r="B151" s="8">
        <v>3</v>
      </c>
      <c r="C151" s="17" t="s">
        <v>380</v>
      </c>
      <c r="D151" s="17" t="s">
        <v>471</v>
      </c>
    </row>
    <row r="152" spans="1:4" s="2" customFormat="1" ht="14.25" customHeight="1" x14ac:dyDescent="0.25">
      <c r="A152" s="2" t="s">
        <v>22</v>
      </c>
      <c r="B152" s="8">
        <v>2</v>
      </c>
      <c r="C152" s="17" t="s">
        <v>73</v>
      </c>
      <c r="D152" s="17" t="s">
        <v>472</v>
      </c>
    </row>
    <row r="153" spans="1:4" s="2" customFormat="1" ht="14.25" customHeight="1" x14ac:dyDescent="0.25">
      <c r="A153" s="2" t="s">
        <v>22</v>
      </c>
      <c r="B153" s="8">
        <v>1</v>
      </c>
      <c r="C153" s="17" t="s">
        <v>274</v>
      </c>
      <c r="D153" s="17" t="s">
        <v>473</v>
      </c>
    </row>
    <row r="154" spans="1:4" s="2" customFormat="1" ht="14.25" customHeight="1" x14ac:dyDescent="0.25">
      <c r="A154" s="2" t="s">
        <v>23</v>
      </c>
      <c r="B154" s="8">
        <v>10</v>
      </c>
      <c r="C154" s="17" t="s">
        <v>84</v>
      </c>
      <c r="D154" s="17" t="s">
        <v>418</v>
      </c>
    </row>
    <row r="155" spans="1:4" s="2" customFormat="1" ht="14.25" customHeight="1" x14ac:dyDescent="0.25">
      <c r="A155" s="2" t="s">
        <v>23</v>
      </c>
      <c r="B155" s="8">
        <v>9</v>
      </c>
      <c r="C155" s="17" t="s">
        <v>77</v>
      </c>
      <c r="D155" s="17" t="s">
        <v>419</v>
      </c>
    </row>
    <row r="156" spans="1:4" s="2" customFormat="1" ht="14.25" customHeight="1" x14ac:dyDescent="0.25">
      <c r="A156" s="2" t="s">
        <v>23</v>
      </c>
      <c r="B156" s="8">
        <v>8</v>
      </c>
      <c r="C156" s="17" t="s">
        <v>111</v>
      </c>
      <c r="D156" s="17" t="s">
        <v>420</v>
      </c>
    </row>
    <row r="157" spans="1:4" s="2" customFormat="1" ht="14.25" customHeight="1" x14ac:dyDescent="0.25">
      <c r="A157" s="2" t="s">
        <v>23</v>
      </c>
      <c r="B157" s="8">
        <v>7</v>
      </c>
      <c r="C157" s="17" t="s">
        <v>60</v>
      </c>
      <c r="D157" s="17" t="s">
        <v>421</v>
      </c>
    </row>
    <row r="158" spans="1:4" s="2" customFormat="1" ht="14.25" customHeight="1" x14ac:dyDescent="0.25">
      <c r="A158" s="2" t="s">
        <v>23</v>
      </c>
      <c r="B158" s="8">
        <v>6</v>
      </c>
      <c r="C158" s="17" t="s">
        <v>184</v>
      </c>
      <c r="D158" s="17" t="s">
        <v>422</v>
      </c>
    </row>
    <row r="159" spans="1:4" s="2" customFormat="1" ht="14.25" customHeight="1" x14ac:dyDescent="0.25">
      <c r="A159" s="2" t="s">
        <v>23</v>
      </c>
      <c r="B159" s="8">
        <v>5</v>
      </c>
      <c r="C159" s="17" t="s">
        <v>241</v>
      </c>
      <c r="D159" s="17" t="s">
        <v>423</v>
      </c>
    </row>
    <row r="160" spans="1:4" s="2" customFormat="1" ht="14.25" customHeight="1" x14ac:dyDescent="0.25">
      <c r="A160" s="2" t="s">
        <v>23</v>
      </c>
      <c r="B160" s="8">
        <v>4</v>
      </c>
      <c r="C160" s="17" t="s">
        <v>121</v>
      </c>
      <c r="D160" s="17" t="s">
        <v>424</v>
      </c>
    </row>
    <row r="161" spans="1:4" s="2" customFormat="1" ht="14.25" customHeight="1" x14ac:dyDescent="0.25">
      <c r="A161" s="2" t="s">
        <v>23</v>
      </c>
      <c r="B161" s="8">
        <v>3</v>
      </c>
      <c r="C161" s="17" t="s">
        <v>107</v>
      </c>
      <c r="D161" s="17" t="s">
        <v>425</v>
      </c>
    </row>
    <row r="162" spans="1:4" s="2" customFormat="1" ht="14.25" customHeight="1" x14ac:dyDescent="0.25">
      <c r="A162" s="2" t="s">
        <v>23</v>
      </c>
      <c r="B162" s="8">
        <v>2</v>
      </c>
      <c r="C162" s="17" t="s">
        <v>360</v>
      </c>
      <c r="D162" s="17" t="s">
        <v>426</v>
      </c>
    </row>
    <row r="163" spans="1:4" s="2" customFormat="1" ht="14.25" customHeight="1" x14ac:dyDescent="0.25">
      <c r="A163" s="2" t="s">
        <v>23</v>
      </c>
      <c r="B163" s="8">
        <v>1</v>
      </c>
      <c r="C163" s="17" t="s">
        <v>222</v>
      </c>
      <c r="D163" s="17" t="s">
        <v>427</v>
      </c>
    </row>
    <row r="164" spans="1:4" s="2" customFormat="1" ht="14.25" customHeight="1" x14ac:dyDescent="0.25">
      <c r="A164" s="2" t="s">
        <v>27</v>
      </c>
      <c r="B164" s="8">
        <v>10</v>
      </c>
      <c r="C164" s="17" t="s">
        <v>128</v>
      </c>
      <c r="D164" s="17" t="s">
        <v>348</v>
      </c>
    </row>
    <row r="165" spans="1:4" ht="14.25" customHeight="1" x14ac:dyDescent="0.25">
      <c r="A165" s="2" t="s">
        <v>27</v>
      </c>
      <c r="B165" s="8">
        <v>9</v>
      </c>
      <c r="C165" s="17" t="s">
        <v>349</v>
      </c>
      <c r="D165" s="17" t="s">
        <v>350</v>
      </c>
    </row>
    <row r="166" spans="1:4" ht="14.25" customHeight="1" x14ac:dyDescent="0.25">
      <c r="A166" s="2" t="s">
        <v>27</v>
      </c>
      <c r="B166" s="8">
        <v>8</v>
      </c>
      <c r="C166" s="17" t="s">
        <v>351</v>
      </c>
      <c r="D166" s="17" t="s">
        <v>352</v>
      </c>
    </row>
    <row r="167" spans="1:4" ht="14.25" customHeight="1" x14ac:dyDescent="0.25">
      <c r="A167" s="2" t="s">
        <v>27</v>
      </c>
      <c r="B167" s="8">
        <v>7</v>
      </c>
      <c r="C167" s="17" t="s">
        <v>60</v>
      </c>
      <c r="D167" s="17" t="s">
        <v>353</v>
      </c>
    </row>
    <row r="168" spans="1:4" ht="14.25" customHeight="1" x14ac:dyDescent="0.25">
      <c r="A168" s="2" t="s">
        <v>27</v>
      </c>
      <c r="B168" s="8">
        <v>6</v>
      </c>
      <c r="C168" s="17" t="s">
        <v>195</v>
      </c>
      <c r="D168" s="17" t="s">
        <v>354</v>
      </c>
    </row>
    <row r="169" spans="1:4" ht="14.25" customHeight="1" x14ac:dyDescent="0.25">
      <c r="A169" s="2" t="s">
        <v>27</v>
      </c>
      <c r="B169" s="8">
        <v>5</v>
      </c>
      <c r="C169" s="17" t="s">
        <v>355</v>
      </c>
      <c r="D169" s="17" t="s">
        <v>356</v>
      </c>
    </row>
    <row r="170" spans="1:4" ht="14.25" customHeight="1" x14ac:dyDescent="0.25">
      <c r="A170" s="2" t="s">
        <v>27</v>
      </c>
      <c r="B170" s="8">
        <v>4</v>
      </c>
      <c r="C170" s="17" t="s">
        <v>69</v>
      </c>
      <c r="D170" s="17" t="s">
        <v>357</v>
      </c>
    </row>
    <row r="171" spans="1:4" ht="14.25" customHeight="1" x14ac:dyDescent="0.25">
      <c r="A171" s="2" t="s">
        <v>27</v>
      </c>
      <c r="B171" s="8">
        <v>3</v>
      </c>
      <c r="C171" s="17" t="s">
        <v>115</v>
      </c>
      <c r="D171" s="17" t="s">
        <v>358</v>
      </c>
    </row>
    <row r="172" spans="1:4" ht="14.25" customHeight="1" x14ac:dyDescent="0.25">
      <c r="A172" s="2" t="s">
        <v>27</v>
      </c>
      <c r="B172" s="8">
        <v>2</v>
      </c>
      <c r="C172" s="17" t="s">
        <v>69</v>
      </c>
      <c r="D172" s="17" t="s">
        <v>359</v>
      </c>
    </row>
    <row r="173" spans="1:4" ht="14.25" customHeight="1" x14ac:dyDescent="0.25">
      <c r="A173" s="2" t="s">
        <v>27</v>
      </c>
      <c r="B173" s="8">
        <v>1</v>
      </c>
      <c r="C173" s="17" t="s">
        <v>360</v>
      </c>
      <c r="D173" s="17" t="s">
        <v>361</v>
      </c>
    </row>
    <row r="174" spans="1:4" ht="14.25" customHeight="1" x14ac:dyDescent="0.25">
      <c r="A174" s="2" t="s">
        <v>39</v>
      </c>
      <c r="B174" s="8">
        <v>10</v>
      </c>
      <c r="C174" s="17" t="s">
        <v>75</v>
      </c>
      <c r="D174" s="17" t="s">
        <v>450</v>
      </c>
    </row>
    <row r="175" spans="1:4" s="2" customFormat="1" ht="14.25" customHeight="1" x14ac:dyDescent="0.25">
      <c r="A175" s="2" t="s">
        <v>39</v>
      </c>
      <c r="B175" s="8">
        <v>9</v>
      </c>
      <c r="C175" s="17" t="s">
        <v>451</v>
      </c>
      <c r="D175" s="17" t="s">
        <v>452</v>
      </c>
    </row>
    <row r="176" spans="1:4" s="2" customFormat="1" ht="14.25" customHeight="1" x14ac:dyDescent="0.25">
      <c r="A176" s="2" t="s">
        <v>39</v>
      </c>
      <c r="B176" s="8">
        <v>8</v>
      </c>
      <c r="C176" s="17" t="s">
        <v>169</v>
      </c>
      <c r="D176" s="17" t="s">
        <v>453</v>
      </c>
    </row>
    <row r="177" spans="1:4" s="2" customFormat="1" ht="14.25" customHeight="1" x14ac:dyDescent="0.25">
      <c r="A177" s="2" t="s">
        <v>39</v>
      </c>
      <c r="B177" s="8">
        <v>7</v>
      </c>
      <c r="C177" s="17" t="s">
        <v>147</v>
      </c>
      <c r="D177" s="17" t="s">
        <v>454</v>
      </c>
    </row>
    <row r="178" spans="1:4" s="2" customFormat="1" ht="14.25" customHeight="1" x14ac:dyDescent="0.25">
      <c r="A178" s="2" t="s">
        <v>39</v>
      </c>
      <c r="B178" s="8">
        <v>6</v>
      </c>
      <c r="C178" s="17" t="s">
        <v>60</v>
      </c>
      <c r="D178" s="17" t="s">
        <v>455</v>
      </c>
    </row>
    <row r="179" spans="1:4" s="2" customFormat="1" ht="14.25" customHeight="1" x14ac:dyDescent="0.25">
      <c r="A179" s="2" t="s">
        <v>39</v>
      </c>
      <c r="B179" s="8">
        <v>5</v>
      </c>
      <c r="C179" s="17" t="s">
        <v>123</v>
      </c>
      <c r="D179" s="17" t="s">
        <v>456</v>
      </c>
    </row>
    <row r="180" spans="1:4" s="2" customFormat="1" ht="14.25" customHeight="1" x14ac:dyDescent="0.25">
      <c r="A180" s="2" t="s">
        <v>39</v>
      </c>
      <c r="B180" s="8">
        <v>4</v>
      </c>
      <c r="C180" s="17" t="s">
        <v>239</v>
      </c>
      <c r="D180" s="17" t="s">
        <v>457</v>
      </c>
    </row>
    <row r="181" spans="1:4" s="2" customFormat="1" ht="14.25" customHeight="1" x14ac:dyDescent="0.25">
      <c r="A181" s="2" t="s">
        <v>39</v>
      </c>
      <c r="B181" s="8">
        <v>3</v>
      </c>
      <c r="C181" s="17" t="s">
        <v>109</v>
      </c>
      <c r="D181" s="17" t="s">
        <v>458</v>
      </c>
    </row>
    <row r="182" spans="1:4" s="2" customFormat="1" ht="14.25" customHeight="1" x14ac:dyDescent="0.25">
      <c r="A182" s="2" t="s">
        <v>39</v>
      </c>
      <c r="B182" s="8">
        <v>2</v>
      </c>
      <c r="C182" s="17" t="s">
        <v>292</v>
      </c>
      <c r="D182" s="17" t="s">
        <v>459</v>
      </c>
    </row>
    <row r="183" spans="1:4" s="2" customFormat="1" ht="14.25" customHeight="1" x14ac:dyDescent="0.25">
      <c r="A183" s="2" t="s">
        <v>39</v>
      </c>
      <c r="B183" s="8">
        <v>1</v>
      </c>
      <c r="C183" s="17" t="s">
        <v>138</v>
      </c>
      <c r="D183" s="17" t="s">
        <v>460</v>
      </c>
    </row>
    <row r="184" spans="1:4" s="2" customFormat="1" ht="14.25" customHeight="1" x14ac:dyDescent="0.25">
      <c r="A184" s="2" t="s">
        <v>42</v>
      </c>
      <c r="B184" s="8">
        <v>10</v>
      </c>
      <c r="C184" s="17" t="s">
        <v>186</v>
      </c>
      <c r="D184" s="17" t="s">
        <v>338</v>
      </c>
    </row>
    <row r="185" spans="1:4" ht="14.25" customHeight="1" x14ac:dyDescent="0.25">
      <c r="A185" s="2" t="s">
        <v>42</v>
      </c>
      <c r="B185" s="8">
        <v>9</v>
      </c>
      <c r="C185" s="17" t="s">
        <v>84</v>
      </c>
      <c r="D185" s="17" t="s">
        <v>339</v>
      </c>
    </row>
    <row r="186" spans="1:4" ht="14.25" customHeight="1" x14ac:dyDescent="0.25">
      <c r="A186" s="2" t="s">
        <v>42</v>
      </c>
      <c r="B186" s="8">
        <v>8</v>
      </c>
      <c r="C186" s="17" t="s">
        <v>75</v>
      </c>
      <c r="D186" s="17" t="s">
        <v>340</v>
      </c>
    </row>
    <row r="187" spans="1:4" ht="14.25" customHeight="1" x14ac:dyDescent="0.25">
      <c r="A187" s="2" t="s">
        <v>42</v>
      </c>
      <c r="B187" s="8">
        <v>7</v>
      </c>
      <c r="C187" s="17" t="s">
        <v>86</v>
      </c>
      <c r="D187" s="17" t="s">
        <v>341</v>
      </c>
    </row>
    <row r="188" spans="1:4" ht="14.25" customHeight="1" x14ac:dyDescent="0.25">
      <c r="A188" s="2" t="s">
        <v>42</v>
      </c>
      <c r="B188" s="8">
        <v>6</v>
      </c>
      <c r="C188" s="17" t="s">
        <v>316</v>
      </c>
      <c r="D188" s="17" t="s">
        <v>342</v>
      </c>
    </row>
    <row r="189" spans="1:4" ht="14.25" customHeight="1" x14ac:dyDescent="0.25">
      <c r="A189" s="2" t="s">
        <v>42</v>
      </c>
      <c r="B189" s="8">
        <v>5</v>
      </c>
      <c r="C189" s="17" t="s">
        <v>128</v>
      </c>
      <c r="D189" s="17" t="s">
        <v>343</v>
      </c>
    </row>
    <row r="190" spans="1:4" ht="14.25" customHeight="1" x14ac:dyDescent="0.25">
      <c r="A190" s="2" t="s">
        <v>42</v>
      </c>
      <c r="B190" s="8">
        <v>4</v>
      </c>
      <c r="C190" s="17" t="s">
        <v>207</v>
      </c>
      <c r="D190" s="17" t="s">
        <v>344</v>
      </c>
    </row>
    <row r="191" spans="1:4" ht="14.25" customHeight="1" x14ac:dyDescent="0.25">
      <c r="A191" s="2" t="s">
        <v>42</v>
      </c>
      <c r="B191" s="8">
        <v>3</v>
      </c>
      <c r="C191" s="17" t="s">
        <v>88</v>
      </c>
      <c r="D191" s="17" t="s">
        <v>345</v>
      </c>
    </row>
    <row r="192" spans="1:4" ht="14.25" customHeight="1" x14ac:dyDescent="0.25">
      <c r="A192" s="2" t="s">
        <v>42</v>
      </c>
      <c r="B192" s="8">
        <v>2</v>
      </c>
      <c r="C192" s="17" t="s">
        <v>88</v>
      </c>
      <c r="D192" s="17" t="s">
        <v>346</v>
      </c>
    </row>
    <row r="193" spans="1:4" ht="14.25" customHeight="1" x14ac:dyDescent="0.25">
      <c r="A193" s="2" t="s">
        <v>42</v>
      </c>
      <c r="B193" s="8">
        <v>1</v>
      </c>
      <c r="C193" s="17" t="s">
        <v>60</v>
      </c>
      <c r="D193" s="17" t="s">
        <v>347</v>
      </c>
    </row>
    <row r="194" spans="1:4" ht="14.25" customHeight="1" x14ac:dyDescent="0.25">
      <c r="A194" s="2" t="s">
        <v>44</v>
      </c>
      <c r="B194" s="8">
        <v>10</v>
      </c>
      <c r="C194" s="17" t="s">
        <v>88</v>
      </c>
      <c r="D194" s="17" t="s">
        <v>362</v>
      </c>
    </row>
    <row r="195" spans="1:4" ht="14.25" customHeight="1" x14ac:dyDescent="0.25">
      <c r="A195" s="2" t="s">
        <v>44</v>
      </c>
      <c r="B195" s="8">
        <v>9</v>
      </c>
      <c r="C195" s="17" t="s">
        <v>169</v>
      </c>
      <c r="D195" s="17" t="s">
        <v>363</v>
      </c>
    </row>
    <row r="196" spans="1:4" ht="14.25" customHeight="1" x14ac:dyDescent="0.25">
      <c r="A196" s="2" t="s">
        <v>44</v>
      </c>
      <c r="B196" s="8">
        <v>8</v>
      </c>
      <c r="C196" s="17" t="s">
        <v>269</v>
      </c>
      <c r="D196" s="17" t="s">
        <v>364</v>
      </c>
    </row>
    <row r="197" spans="1:4" ht="14.25" customHeight="1" x14ac:dyDescent="0.25">
      <c r="A197" s="2" t="s">
        <v>44</v>
      </c>
      <c r="B197" s="8">
        <v>7</v>
      </c>
      <c r="C197" s="17" t="s">
        <v>365</v>
      </c>
      <c r="D197" s="17" t="s">
        <v>366</v>
      </c>
    </row>
    <row r="198" spans="1:4" ht="14.25" customHeight="1" x14ac:dyDescent="0.25">
      <c r="A198" s="2" t="s">
        <v>44</v>
      </c>
      <c r="B198" s="8">
        <v>6</v>
      </c>
      <c r="C198" s="17" t="s">
        <v>367</v>
      </c>
      <c r="D198" s="17" t="s">
        <v>368</v>
      </c>
    </row>
    <row r="199" spans="1:4" ht="14.25" customHeight="1" x14ac:dyDescent="0.25">
      <c r="A199" s="2" t="s">
        <v>44</v>
      </c>
      <c r="B199" s="8">
        <v>5</v>
      </c>
      <c r="C199" s="17" t="s">
        <v>140</v>
      </c>
      <c r="D199" s="17" t="s">
        <v>369</v>
      </c>
    </row>
    <row r="200" spans="1:4" ht="14.25" customHeight="1" x14ac:dyDescent="0.25">
      <c r="A200" s="2" t="s">
        <v>44</v>
      </c>
      <c r="B200" s="8">
        <v>4</v>
      </c>
      <c r="C200" s="17" t="s">
        <v>125</v>
      </c>
      <c r="D200" s="17" t="s">
        <v>370</v>
      </c>
    </row>
    <row r="201" spans="1:4" ht="14.25" customHeight="1" x14ac:dyDescent="0.25">
      <c r="A201" s="2" t="s">
        <v>44</v>
      </c>
      <c r="B201" s="8">
        <v>3</v>
      </c>
      <c r="C201" s="17" t="s">
        <v>190</v>
      </c>
      <c r="D201" s="17" t="s">
        <v>371</v>
      </c>
    </row>
    <row r="202" spans="1:4" ht="14.25" customHeight="1" x14ac:dyDescent="0.25">
      <c r="A202" s="2" t="s">
        <v>44</v>
      </c>
      <c r="B202" s="8">
        <v>2</v>
      </c>
      <c r="C202" s="17" t="s">
        <v>372</v>
      </c>
      <c r="D202" s="17" t="s">
        <v>373</v>
      </c>
    </row>
    <row r="203" spans="1:4" ht="14.25" customHeight="1" x14ac:dyDescent="0.25">
      <c r="A203" s="2" t="s">
        <v>44</v>
      </c>
      <c r="B203" s="8">
        <v>1</v>
      </c>
      <c r="C203" s="17" t="s">
        <v>228</v>
      </c>
      <c r="D203" s="17" t="s">
        <v>374</v>
      </c>
    </row>
    <row r="204" spans="1:4" ht="14.25" customHeight="1" x14ac:dyDescent="0.25">
      <c r="A204" s="2" t="s">
        <v>2</v>
      </c>
      <c r="B204" s="8">
        <v>10</v>
      </c>
      <c r="C204" s="10" t="s">
        <v>193</v>
      </c>
      <c r="D204" s="12" t="s">
        <v>194</v>
      </c>
    </row>
    <row r="205" spans="1:4" ht="14.25" customHeight="1" x14ac:dyDescent="0.25">
      <c r="A205" s="2" t="s">
        <v>2</v>
      </c>
      <c r="B205" s="8">
        <v>9</v>
      </c>
      <c r="C205" s="10" t="s">
        <v>195</v>
      </c>
      <c r="D205" s="11" t="s">
        <v>196</v>
      </c>
    </row>
    <row r="206" spans="1:4" ht="14.25" customHeight="1" x14ac:dyDescent="0.25">
      <c r="A206" s="2" t="s">
        <v>2</v>
      </c>
      <c r="B206" s="8">
        <v>8</v>
      </c>
      <c r="C206" s="10" t="s">
        <v>197</v>
      </c>
      <c r="D206" s="12" t="s">
        <v>198</v>
      </c>
    </row>
    <row r="207" spans="1:4" ht="14.25" customHeight="1" x14ac:dyDescent="0.25">
      <c r="A207" s="2" t="s">
        <v>2</v>
      </c>
      <c r="B207" s="8">
        <v>7</v>
      </c>
      <c r="C207" s="10" t="s">
        <v>199</v>
      </c>
      <c r="D207" s="12" t="s">
        <v>200</v>
      </c>
    </row>
    <row r="208" spans="1:4" ht="14.25" customHeight="1" x14ac:dyDescent="0.25">
      <c r="A208" s="2" t="s">
        <v>2</v>
      </c>
      <c r="B208" s="8">
        <v>6</v>
      </c>
      <c r="C208" s="10" t="s">
        <v>128</v>
      </c>
      <c r="D208" s="12" t="s">
        <v>201</v>
      </c>
    </row>
    <row r="209" spans="1:4" ht="14.25" customHeight="1" x14ac:dyDescent="0.25">
      <c r="A209" s="2" t="s">
        <v>2</v>
      </c>
      <c r="B209" s="8">
        <v>5</v>
      </c>
      <c r="C209" s="10" t="s">
        <v>128</v>
      </c>
      <c r="D209" s="12" t="s">
        <v>202</v>
      </c>
    </row>
    <row r="210" spans="1:4" ht="14.25" customHeight="1" x14ac:dyDescent="0.25">
      <c r="A210" s="2" t="s">
        <v>2</v>
      </c>
      <c r="B210" s="8">
        <v>4</v>
      </c>
      <c r="C210" s="10" t="s">
        <v>133</v>
      </c>
      <c r="D210" s="12" t="s">
        <v>203</v>
      </c>
    </row>
    <row r="211" spans="1:4" ht="14.25" customHeight="1" x14ac:dyDescent="0.25">
      <c r="A211" s="2" t="s">
        <v>2</v>
      </c>
      <c r="B211" s="8">
        <v>3</v>
      </c>
      <c r="C211" s="10" t="s">
        <v>204</v>
      </c>
      <c r="D211" s="12" t="s">
        <v>205</v>
      </c>
    </row>
    <row r="212" spans="1:4" ht="14.25" customHeight="1" x14ac:dyDescent="0.25">
      <c r="A212" s="2" t="s">
        <v>2</v>
      </c>
      <c r="B212" s="8">
        <v>2</v>
      </c>
      <c r="C212" s="10" t="s">
        <v>138</v>
      </c>
      <c r="D212" s="12" t="s">
        <v>206</v>
      </c>
    </row>
    <row r="213" spans="1:4" ht="14.25" customHeight="1" x14ac:dyDescent="0.25">
      <c r="A213" s="2" t="s">
        <v>2</v>
      </c>
      <c r="B213" s="8">
        <v>1</v>
      </c>
      <c r="C213" s="10" t="s">
        <v>207</v>
      </c>
      <c r="D213" s="12" t="s">
        <v>208</v>
      </c>
    </row>
    <row r="214" spans="1:4" ht="14.25" customHeight="1" x14ac:dyDescent="0.25">
      <c r="A214" s="2" t="s">
        <v>12</v>
      </c>
      <c r="B214" s="8">
        <v>10</v>
      </c>
      <c r="C214" s="10" t="s">
        <v>145</v>
      </c>
      <c r="D214" s="12" t="s">
        <v>146</v>
      </c>
    </row>
    <row r="215" spans="1:4" ht="14.25" customHeight="1" x14ac:dyDescent="0.25">
      <c r="A215" s="2" t="s">
        <v>12</v>
      </c>
      <c r="B215" s="8">
        <v>9</v>
      </c>
      <c r="C215" s="10" t="s">
        <v>147</v>
      </c>
      <c r="D215" s="11" t="s">
        <v>148</v>
      </c>
    </row>
    <row r="216" spans="1:4" ht="14.25" customHeight="1" x14ac:dyDescent="0.25">
      <c r="A216" s="2" t="s">
        <v>12</v>
      </c>
      <c r="B216" s="8">
        <v>8</v>
      </c>
      <c r="C216" s="10" t="s">
        <v>111</v>
      </c>
      <c r="D216" s="12" t="s">
        <v>149</v>
      </c>
    </row>
    <row r="217" spans="1:4" ht="14.25" customHeight="1" x14ac:dyDescent="0.25">
      <c r="A217" s="2" t="s">
        <v>12</v>
      </c>
      <c r="B217" s="8">
        <v>7</v>
      </c>
      <c r="C217" s="10" t="s">
        <v>150</v>
      </c>
      <c r="D217" s="12" t="s">
        <v>151</v>
      </c>
    </row>
    <row r="218" spans="1:4" ht="14.25" customHeight="1" x14ac:dyDescent="0.25">
      <c r="A218" s="2" t="s">
        <v>12</v>
      </c>
      <c r="B218" s="8">
        <v>6</v>
      </c>
      <c r="C218" s="10" t="s">
        <v>152</v>
      </c>
      <c r="D218" s="12" t="s">
        <v>153</v>
      </c>
    </row>
    <row r="219" spans="1:4" ht="14.25" customHeight="1" x14ac:dyDescent="0.25">
      <c r="A219" s="2" t="s">
        <v>12</v>
      </c>
      <c r="B219" s="8">
        <v>5</v>
      </c>
      <c r="C219" s="10" t="s">
        <v>154</v>
      </c>
      <c r="D219" s="12" t="s">
        <v>155</v>
      </c>
    </row>
    <row r="220" spans="1:4" ht="14.25" customHeight="1" x14ac:dyDescent="0.25">
      <c r="A220" s="2" t="s">
        <v>12</v>
      </c>
      <c r="B220" s="8">
        <v>4</v>
      </c>
      <c r="C220" s="10" t="s">
        <v>63</v>
      </c>
      <c r="D220" s="12" t="s">
        <v>156</v>
      </c>
    </row>
    <row r="221" spans="1:4" ht="14.25" customHeight="1" x14ac:dyDescent="0.25">
      <c r="A221" s="2" t="s">
        <v>12</v>
      </c>
      <c r="B221" s="8">
        <v>3</v>
      </c>
      <c r="C221" s="10" t="s">
        <v>157</v>
      </c>
      <c r="D221" s="12" t="s">
        <v>158</v>
      </c>
    </row>
    <row r="222" spans="1:4" ht="14.25" customHeight="1" x14ac:dyDescent="0.25">
      <c r="A222" s="2" t="s">
        <v>12</v>
      </c>
      <c r="B222" s="8">
        <v>2</v>
      </c>
      <c r="C222" s="10" t="s">
        <v>152</v>
      </c>
      <c r="D222" s="12" t="s">
        <v>159</v>
      </c>
    </row>
    <row r="223" spans="1:4" ht="14.25" customHeight="1" x14ac:dyDescent="0.25">
      <c r="A223" s="2" t="s">
        <v>12</v>
      </c>
      <c r="B223" s="8">
        <v>1</v>
      </c>
      <c r="C223" s="10" t="s">
        <v>65</v>
      </c>
      <c r="D223" s="12" t="s">
        <v>160</v>
      </c>
    </row>
    <row r="224" spans="1:4" ht="14.25" customHeight="1" x14ac:dyDescent="0.25">
      <c r="A224" s="2" t="s">
        <v>52</v>
      </c>
      <c r="B224" s="8">
        <v>10</v>
      </c>
      <c r="C224" s="10" t="s">
        <v>65</v>
      </c>
      <c r="D224" s="11" t="s">
        <v>97</v>
      </c>
    </row>
    <row r="225" spans="1:4" ht="14.25" customHeight="1" x14ac:dyDescent="0.25">
      <c r="A225" s="2" t="s">
        <v>52</v>
      </c>
      <c r="B225" s="8">
        <v>9</v>
      </c>
      <c r="C225" s="10" t="s">
        <v>65</v>
      </c>
      <c r="D225" s="12" t="s">
        <v>98</v>
      </c>
    </row>
    <row r="226" spans="1:4" ht="14.25" customHeight="1" x14ac:dyDescent="0.25">
      <c r="A226" s="2" t="s">
        <v>52</v>
      </c>
      <c r="B226" s="8">
        <v>8</v>
      </c>
      <c r="C226" s="10" t="s">
        <v>99</v>
      </c>
      <c r="D226" s="12" t="s">
        <v>100</v>
      </c>
    </row>
    <row r="227" spans="1:4" ht="14.25" customHeight="1" x14ac:dyDescent="0.25">
      <c r="A227" s="2" t="s">
        <v>52</v>
      </c>
      <c r="B227" s="8">
        <v>7</v>
      </c>
      <c r="C227" s="10" t="s">
        <v>63</v>
      </c>
      <c r="D227" s="12" t="s">
        <v>101</v>
      </c>
    </row>
    <row r="228" spans="1:4" ht="14.25" customHeight="1" x14ac:dyDescent="0.25">
      <c r="A228" s="2" t="s">
        <v>52</v>
      </c>
      <c r="B228" s="8">
        <v>6</v>
      </c>
      <c r="C228" s="10" t="s">
        <v>60</v>
      </c>
      <c r="D228" s="12" t="s">
        <v>102</v>
      </c>
    </row>
    <row r="229" spans="1:4" ht="14.25" customHeight="1" x14ac:dyDescent="0.25">
      <c r="A229" s="2" t="s">
        <v>52</v>
      </c>
      <c r="B229" s="8">
        <v>5</v>
      </c>
      <c r="C229" s="10" t="s">
        <v>103</v>
      </c>
      <c r="D229" s="12" t="s">
        <v>104</v>
      </c>
    </row>
    <row r="230" spans="1:4" ht="14.25" customHeight="1" x14ac:dyDescent="0.25">
      <c r="A230" s="2" t="s">
        <v>52</v>
      </c>
      <c r="B230" s="8">
        <v>4</v>
      </c>
      <c r="C230" s="10" t="s">
        <v>105</v>
      </c>
      <c r="D230" s="12" t="s">
        <v>106</v>
      </c>
    </row>
    <row r="231" spans="1:4" ht="14.25" customHeight="1" x14ac:dyDescent="0.25">
      <c r="A231" s="2" t="s">
        <v>52</v>
      </c>
      <c r="B231" s="8">
        <v>3</v>
      </c>
      <c r="C231" s="10" t="s">
        <v>107</v>
      </c>
      <c r="D231" s="12" t="s">
        <v>108</v>
      </c>
    </row>
    <row r="232" spans="1:4" ht="14.25" customHeight="1" x14ac:dyDescent="0.25">
      <c r="A232" s="2" t="s">
        <v>52</v>
      </c>
      <c r="B232" s="8">
        <v>2</v>
      </c>
      <c r="C232" s="10" t="s">
        <v>109</v>
      </c>
      <c r="D232" s="11" t="s">
        <v>110</v>
      </c>
    </row>
    <row r="233" spans="1:4" ht="14.25" customHeight="1" x14ac:dyDescent="0.25">
      <c r="A233" s="2" t="s">
        <v>52</v>
      </c>
      <c r="B233" s="8">
        <v>1</v>
      </c>
      <c r="C233" s="10" t="s">
        <v>111</v>
      </c>
      <c r="D233" s="12" t="s">
        <v>112</v>
      </c>
    </row>
    <row r="234" spans="1:4" ht="14.25" customHeight="1" x14ac:dyDescent="0.25">
      <c r="A234" s="2" t="s">
        <v>53</v>
      </c>
      <c r="B234" s="8">
        <v>3</v>
      </c>
      <c r="C234" s="10" t="s">
        <v>161</v>
      </c>
      <c r="D234" s="13" t="s">
        <v>162</v>
      </c>
    </row>
    <row r="235" spans="1:4" ht="14.25" customHeight="1" x14ac:dyDescent="0.25">
      <c r="A235" s="2" t="s">
        <v>53</v>
      </c>
      <c r="B235" s="8">
        <v>2</v>
      </c>
      <c r="C235" s="10" t="s">
        <v>163</v>
      </c>
      <c r="D235" s="13" t="s">
        <v>164</v>
      </c>
    </row>
    <row r="236" spans="1:4" ht="14.25" customHeight="1" x14ac:dyDescent="0.25">
      <c r="A236" s="2" t="s">
        <v>53</v>
      </c>
      <c r="B236" s="8">
        <v>1</v>
      </c>
      <c r="C236" s="10" t="s">
        <v>150</v>
      </c>
      <c r="D236" s="13" t="s">
        <v>165</v>
      </c>
    </row>
    <row r="237" spans="1:4" ht="14.25" customHeight="1" x14ac:dyDescent="0.25">
      <c r="A237" s="2" t="s">
        <v>14</v>
      </c>
      <c r="B237" s="8">
        <v>10</v>
      </c>
      <c r="C237" s="10" t="s">
        <v>80</v>
      </c>
      <c r="D237" s="10" t="s">
        <v>81</v>
      </c>
    </row>
    <row r="238" spans="1:4" ht="14.25" customHeight="1" x14ac:dyDescent="0.25">
      <c r="A238" s="2" t="s">
        <v>14</v>
      </c>
      <c r="B238" s="8">
        <v>9</v>
      </c>
      <c r="C238" s="10" t="s">
        <v>82</v>
      </c>
      <c r="D238" s="10" t="s">
        <v>83</v>
      </c>
    </row>
    <row r="239" spans="1:4" ht="14.25" customHeight="1" x14ac:dyDescent="0.25">
      <c r="A239" s="2" t="s">
        <v>14</v>
      </c>
      <c r="B239" s="8">
        <v>8</v>
      </c>
      <c r="C239" s="10" t="s">
        <v>84</v>
      </c>
      <c r="D239" s="10" t="s">
        <v>85</v>
      </c>
    </row>
    <row r="240" spans="1:4" ht="14.25" customHeight="1" x14ac:dyDescent="0.25">
      <c r="A240" s="2" t="s">
        <v>14</v>
      </c>
      <c r="B240" s="8">
        <v>7</v>
      </c>
      <c r="C240" s="10" t="s">
        <v>86</v>
      </c>
      <c r="D240" s="10" t="s">
        <v>87</v>
      </c>
    </row>
    <row r="241" spans="1:4" ht="14.25" customHeight="1" x14ac:dyDescent="0.25">
      <c r="A241" s="2" t="s">
        <v>14</v>
      </c>
      <c r="B241" s="8">
        <v>6</v>
      </c>
      <c r="C241" s="10" t="s">
        <v>88</v>
      </c>
      <c r="D241" s="10" t="s">
        <v>89</v>
      </c>
    </row>
    <row r="242" spans="1:4" ht="14.25" customHeight="1" x14ac:dyDescent="0.25">
      <c r="A242" s="2" t="s">
        <v>14</v>
      </c>
      <c r="B242" s="8">
        <v>5</v>
      </c>
      <c r="C242" s="10" t="s">
        <v>324</v>
      </c>
      <c r="D242" s="10" t="s">
        <v>325</v>
      </c>
    </row>
    <row r="243" spans="1:4" ht="14.25" customHeight="1" x14ac:dyDescent="0.25">
      <c r="A243" s="2" t="s">
        <v>14</v>
      </c>
      <c r="B243" s="8">
        <v>4</v>
      </c>
      <c r="C243" s="10" t="s">
        <v>90</v>
      </c>
      <c r="D243" s="10" t="s">
        <v>91</v>
      </c>
    </row>
    <row r="244" spans="1:4" ht="14.25" customHeight="1" x14ac:dyDescent="0.25">
      <c r="A244" s="2" t="s">
        <v>14</v>
      </c>
      <c r="B244" s="8">
        <v>3</v>
      </c>
      <c r="C244" s="10" t="s">
        <v>92</v>
      </c>
      <c r="D244" s="10" t="s">
        <v>93</v>
      </c>
    </row>
    <row r="245" spans="1:4" ht="14.25" customHeight="1" x14ac:dyDescent="0.25">
      <c r="A245" s="2" t="s">
        <v>14</v>
      </c>
      <c r="B245" s="8">
        <v>2</v>
      </c>
      <c r="C245" s="10" t="s">
        <v>65</v>
      </c>
      <c r="D245" s="10" t="s">
        <v>94</v>
      </c>
    </row>
    <row r="246" spans="1:4" ht="14.25" customHeight="1" x14ac:dyDescent="0.25">
      <c r="A246" s="2" t="s">
        <v>14</v>
      </c>
      <c r="B246" s="8">
        <v>1</v>
      </c>
      <c r="C246" s="10" t="s">
        <v>95</v>
      </c>
      <c r="D246" s="10" t="s">
        <v>96</v>
      </c>
    </row>
    <row r="247" spans="1:4" ht="14.25" customHeight="1" x14ac:dyDescent="0.25">
      <c r="A247" s="2" t="s">
        <v>43</v>
      </c>
      <c r="B247" s="8">
        <v>10</v>
      </c>
      <c r="C247" s="10" t="s">
        <v>63</v>
      </c>
      <c r="D247" s="12" t="s">
        <v>113</v>
      </c>
    </row>
    <row r="248" spans="1:4" ht="15" x14ac:dyDescent="0.25">
      <c r="A248" s="2" t="s">
        <v>43</v>
      </c>
      <c r="B248" s="8">
        <v>9</v>
      </c>
      <c r="C248" s="10" t="s">
        <v>111</v>
      </c>
      <c r="D248" s="12" t="s">
        <v>114</v>
      </c>
    </row>
    <row r="249" spans="1:4" ht="15" x14ac:dyDescent="0.25">
      <c r="A249" s="2" t="s">
        <v>43</v>
      </c>
      <c r="B249" s="8">
        <v>8</v>
      </c>
      <c r="C249" s="10" t="s">
        <v>115</v>
      </c>
      <c r="D249" s="11" t="s">
        <v>116</v>
      </c>
    </row>
    <row r="250" spans="1:4" ht="15" x14ac:dyDescent="0.25">
      <c r="A250" s="2" t="s">
        <v>43</v>
      </c>
      <c r="B250" s="8">
        <v>7</v>
      </c>
      <c r="C250" s="10" t="s">
        <v>117</v>
      </c>
      <c r="D250" s="12" t="s">
        <v>118</v>
      </c>
    </row>
    <row r="251" spans="1:4" ht="15" x14ac:dyDescent="0.25">
      <c r="A251" s="2" t="s">
        <v>43</v>
      </c>
      <c r="B251" s="8">
        <v>6</v>
      </c>
      <c r="C251" s="10" t="s">
        <v>82</v>
      </c>
      <c r="D251" s="12" t="s">
        <v>119</v>
      </c>
    </row>
    <row r="252" spans="1:4" ht="15" x14ac:dyDescent="0.25">
      <c r="A252" s="2" t="s">
        <v>43</v>
      </c>
      <c r="B252" s="8">
        <v>5</v>
      </c>
      <c r="C252" s="10" t="s">
        <v>105</v>
      </c>
      <c r="D252" s="12" t="s">
        <v>120</v>
      </c>
    </row>
    <row r="253" spans="1:4" ht="15" x14ac:dyDescent="0.25">
      <c r="A253" s="2" t="s">
        <v>43</v>
      </c>
      <c r="B253" s="8">
        <v>4</v>
      </c>
      <c r="C253" s="10" t="s">
        <v>121</v>
      </c>
      <c r="D253" s="12" t="s">
        <v>122</v>
      </c>
    </row>
    <row r="254" spans="1:4" ht="15" x14ac:dyDescent="0.25">
      <c r="A254" s="2" t="s">
        <v>43</v>
      </c>
      <c r="B254" s="8">
        <v>3</v>
      </c>
      <c r="C254" s="10" t="s">
        <v>123</v>
      </c>
      <c r="D254" s="12" t="s">
        <v>124</v>
      </c>
    </row>
    <row r="255" spans="1:4" ht="15" x14ac:dyDescent="0.25">
      <c r="A255" s="2" t="s">
        <v>43</v>
      </c>
      <c r="B255" s="8">
        <v>2</v>
      </c>
      <c r="C255" s="10" t="s">
        <v>125</v>
      </c>
      <c r="D255" s="12" t="s">
        <v>126</v>
      </c>
    </row>
    <row r="256" spans="1:4" ht="15" x14ac:dyDescent="0.25">
      <c r="A256" s="2" t="s">
        <v>43</v>
      </c>
      <c r="B256" s="8">
        <v>1</v>
      </c>
      <c r="C256" s="10" t="s">
        <v>63</v>
      </c>
      <c r="D256" s="12" t="s">
        <v>127</v>
      </c>
    </row>
    <row r="257" spans="1:4" ht="15" x14ac:dyDescent="0.25">
      <c r="A257" s="2" t="s">
        <v>31</v>
      </c>
      <c r="B257" s="8">
        <v>10</v>
      </c>
      <c r="C257" s="10" t="s">
        <v>63</v>
      </c>
      <c r="D257" s="12" t="s">
        <v>326</v>
      </c>
    </row>
    <row r="258" spans="1:4" ht="15" x14ac:dyDescent="0.25">
      <c r="A258" s="2" t="s">
        <v>31</v>
      </c>
      <c r="B258" s="8">
        <v>9</v>
      </c>
      <c r="C258" s="10" t="s">
        <v>82</v>
      </c>
      <c r="D258" s="12" t="s">
        <v>327</v>
      </c>
    </row>
    <row r="259" spans="1:4" ht="15" x14ac:dyDescent="0.25">
      <c r="A259" s="2" t="s">
        <v>31</v>
      </c>
      <c r="B259" s="8">
        <v>8</v>
      </c>
      <c r="C259" s="10" t="s">
        <v>133</v>
      </c>
      <c r="D259" s="12" t="s">
        <v>328</v>
      </c>
    </row>
    <row r="260" spans="1:4" ht="15" x14ac:dyDescent="0.25">
      <c r="A260" s="2" t="s">
        <v>31</v>
      </c>
      <c r="B260" s="8">
        <v>7</v>
      </c>
      <c r="C260" s="10" t="s">
        <v>71</v>
      </c>
      <c r="D260" s="11" t="s">
        <v>329</v>
      </c>
    </row>
    <row r="261" spans="1:4" ht="15" x14ac:dyDescent="0.25">
      <c r="A261" s="2" t="s">
        <v>31</v>
      </c>
      <c r="B261" s="8">
        <v>6</v>
      </c>
      <c r="C261" s="10" t="s">
        <v>330</v>
      </c>
      <c r="D261" s="12" t="s">
        <v>331</v>
      </c>
    </row>
    <row r="262" spans="1:4" ht="15" x14ac:dyDescent="0.25">
      <c r="A262" s="2" t="s">
        <v>31</v>
      </c>
      <c r="B262" s="8">
        <v>5</v>
      </c>
      <c r="C262" s="10" t="s">
        <v>133</v>
      </c>
      <c r="D262" s="12" t="s">
        <v>332</v>
      </c>
    </row>
    <row r="263" spans="1:4" ht="15" x14ac:dyDescent="0.25">
      <c r="A263" s="2" t="s">
        <v>31</v>
      </c>
      <c r="B263" s="8">
        <v>4</v>
      </c>
      <c r="C263" s="10" t="s">
        <v>128</v>
      </c>
      <c r="D263" s="26" t="s">
        <v>333</v>
      </c>
    </row>
    <row r="264" spans="1:4" ht="15" x14ac:dyDescent="0.25">
      <c r="A264" s="2" t="s">
        <v>31</v>
      </c>
      <c r="B264" s="8">
        <v>3</v>
      </c>
      <c r="C264" s="10" t="s">
        <v>69</v>
      </c>
      <c r="D264" s="12" t="s">
        <v>334</v>
      </c>
    </row>
    <row r="265" spans="1:4" ht="15" x14ac:dyDescent="0.25">
      <c r="A265" s="2" t="s">
        <v>31</v>
      </c>
      <c r="B265" s="8">
        <v>2</v>
      </c>
      <c r="C265" s="10" t="s">
        <v>335</v>
      </c>
      <c r="D265" s="12" t="s">
        <v>336</v>
      </c>
    </row>
    <row r="266" spans="1:4" ht="15" x14ac:dyDescent="0.25">
      <c r="A266" s="2" t="s">
        <v>31</v>
      </c>
      <c r="B266" s="8">
        <v>1</v>
      </c>
      <c r="C266" s="10" t="s">
        <v>128</v>
      </c>
      <c r="D266" s="12" t="s">
        <v>337</v>
      </c>
    </row>
    <row r="267" spans="1:4" ht="15" x14ac:dyDescent="0.25">
      <c r="A267" s="2" t="s">
        <v>45</v>
      </c>
      <c r="B267" s="8">
        <v>10</v>
      </c>
      <c r="C267" s="10" t="s">
        <v>128</v>
      </c>
      <c r="D267" s="12" t="s">
        <v>129</v>
      </c>
    </row>
    <row r="268" spans="1:4" ht="14.25" customHeight="1" x14ac:dyDescent="0.25">
      <c r="A268" s="2" t="s">
        <v>45</v>
      </c>
      <c r="B268" s="8">
        <v>9</v>
      </c>
      <c r="C268" s="10" t="s">
        <v>130</v>
      </c>
      <c r="D268" s="12" t="s">
        <v>131</v>
      </c>
    </row>
    <row r="269" spans="1:4" ht="14.25" customHeight="1" x14ac:dyDescent="0.25">
      <c r="A269" s="2" t="s">
        <v>45</v>
      </c>
      <c r="B269" s="8">
        <v>8</v>
      </c>
      <c r="C269" s="10" t="s">
        <v>105</v>
      </c>
      <c r="D269" s="12" t="s">
        <v>132</v>
      </c>
    </row>
    <row r="270" spans="1:4" ht="14.25" customHeight="1" x14ac:dyDescent="0.25">
      <c r="A270" s="2" t="s">
        <v>45</v>
      </c>
      <c r="B270" s="8">
        <v>7</v>
      </c>
      <c r="C270" s="10" t="s">
        <v>133</v>
      </c>
      <c r="D270" s="12" t="s">
        <v>134</v>
      </c>
    </row>
    <row r="271" spans="1:4" ht="14.25" customHeight="1" x14ac:dyDescent="0.25">
      <c r="A271" s="2" t="s">
        <v>45</v>
      </c>
      <c r="B271" s="8">
        <v>6</v>
      </c>
      <c r="C271" s="10" t="s">
        <v>71</v>
      </c>
      <c r="D271" s="11" t="s">
        <v>135</v>
      </c>
    </row>
    <row r="272" spans="1:4" ht="14.25" customHeight="1" x14ac:dyDescent="0.25">
      <c r="A272" s="2" t="s">
        <v>45</v>
      </c>
      <c r="B272" s="8">
        <v>5</v>
      </c>
      <c r="C272" s="10" t="s">
        <v>136</v>
      </c>
      <c r="D272" s="12" t="s">
        <v>137</v>
      </c>
    </row>
    <row r="273" spans="1:4" ht="14.25" customHeight="1" x14ac:dyDescent="0.25">
      <c r="A273" s="2" t="s">
        <v>45</v>
      </c>
      <c r="B273" s="8">
        <v>4</v>
      </c>
      <c r="C273" s="10" t="s">
        <v>138</v>
      </c>
      <c r="D273" s="12" t="s">
        <v>139</v>
      </c>
    </row>
    <row r="274" spans="1:4" ht="14.25" customHeight="1" x14ac:dyDescent="0.25">
      <c r="A274" s="2" t="s">
        <v>45</v>
      </c>
      <c r="B274" s="8">
        <v>3</v>
      </c>
      <c r="C274" s="10" t="s">
        <v>140</v>
      </c>
      <c r="D274" s="11" t="s">
        <v>141</v>
      </c>
    </row>
    <row r="275" spans="1:4" ht="14.25" customHeight="1" x14ac:dyDescent="0.25">
      <c r="A275" s="2" t="s">
        <v>45</v>
      </c>
      <c r="B275" s="8">
        <v>2</v>
      </c>
      <c r="C275" s="10" t="s">
        <v>128</v>
      </c>
      <c r="D275" s="12" t="s">
        <v>142</v>
      </c>
    </row>
    <row r="276" spans="1:4" ht="14.25" customHeight="1" x14ac:dyDescent="0.25">
      <c r="A276" s="2" t="s">
        <v>45</v>
      </c>
      <c r="B276" s="8">
        <v>1</v>
      </c>
      <c r="C276" s="10" t="s">
        <v>143</v>
      </c>
      <c r="D276" s="12" t="s">
        <v>144</v>
      </c>
    </row>
    <row r="277" spans="1:4" ht="14.25" customHeight="1" x14ac:dyDescent="0.25">
      <c r="A277" s="2" t="s">
        <v>3</v>
      </c>
      <c r="B277" s="8">
        <v>10</v>
      </c>
      <c r="C277" s="10" t="s">
        <v>179</v>
      </c>
      <c r="D277" s="10" t="s">
        <v>180</v>
      </c>
    </row>
    <row r="278" spans="1:4" ht="14.25" customHeight="1" x14ac:dyDescent="0.25">
      <c r="A278" s="2" t="s">
        <v>3</v>
      </c>
      <c r="B278" s="8">
        <v>9</v>
      </c>
      <c r="C278" s="10" t="s">
        <v>65</v>
      </c>
      <c r="D278" s="10" t="s">
        <v>181</v>
      </c>
    </row>
    <row r="279" spans="1:4" ht="14.25" customHeight="1" x14ac:dyDescent="0.25">
      <c r="A279" s="2" t="s">
        <v>3</v>
      </c>
      <c r="B279" s="8">
        <v>8</v>
      </c>
      <c r="C279" s="10" t="s">
        <v>60</v>
      </c>
      <c r="D279" s="10" t="s">
        <v>182</v>
      </c>
    </row>
    <row r="280" spans="1:4" ht="14.25" customHeight="1" x14ac:dyDescent="0.25">
      <c r="A280" s="2" t="s">
        <v>3</v>
      </c>
      <c r="B280" s="8">
        <v>7</v>
      </c>
      <c r="C280" s="10" t="s">
        <v>84</v>
      </c>
      <c r="D280" s="10" t="s">
        <v>183</v>
      </c>
    </row>
    <row r="281" spans="1:4" ht="14.25" customHeight="1" x14ac:dyDescent="0.25">
      <c r="A281" s="2" t="s">
        <v>3</v>
      </c>
      <c r="B281" s="8">
        <v>6</v>
      </c>
      <c r="C281" s="10" t="s">
        <v>184</v>
      </c>
      <c r="D281" s="10" t="s">
        <v>185</v>
      </c>
    </row>
    <row r="282" spans="1:4" ht="14.25" customHeight="1" x14ac:dyDescent="0.25">
      <c r="A282" s="2" t="s">
        <v>3</v>
      </c>
      <c r="B282" s="8">
        <v>5</v>
      </c>
      <c r="C282" s="10" t="s">
        <v>186</v>
      </c>
      <c r="D282" s="10" t="s">
        <v>187</v>
      </c>
    </row>
    <row r="283" spans="1:4" ht="14.25" customHeight="1" x14ac:dyDescent="0.25">
      <c r="A283" s="2" t="s">
        <v>3</v>
      </c>
      <c r="B283" s="8">
        <v>4</v>
      </c>
      <c r="C283" s="16" t="s">
        <v>75</v>
      </c>
      <c r="D283" s="16" t="s">
        <v>188</v>
      </c>
    </row>
    <row r="284" spans="1:4" ht="14.25" customHeight="1" x14ac:dyDescent="0.25">
      <c r="A284" s="2" t="s">
        <v>3</v>
      </c>
      <c r="B284" s="8">
        <v>3</v>
      </c>
      <c r="C284" s="10" t="s">
        <v>77</v>
      </c>
      <c r="D284" s="10" t="s">
        <v>189</v>
      </c>
    </row>
    <row r="285" spans="1:4" ht="14.25" customHeight="1" x14ac:dyDescent="0.25">
      <c r="A285" s="2" t="s">
        <v>3</v>
      </c>
      <c r="B285" s="8">
        <v>2</v>
      </c>
      <c r="C285" s="10" t="s">
        <v>190</v>
      </c>
      <c r="D285" s="10" t="s">
        <v>191</v>
      </c>
    </row>
    <row r="286" spans="1:4" ht="14.25" customHeight="1" x14ac:dyDescent="0.25">
      <c r="A286" s="2" t="s">
        <v>3</v>
      </c>
      <c r="B286" s="8">
        <v>1</v>
      </c>
      <c r="C286" s="16" t="s">
        <v>73</v>
      </c>
      <c r="D286" s="16" t="s">
        <v>192</v>
      </c>
    </row>
    <row r="287" spans="1:4" ht="15" x14ac:dyDescent="0.25">
      <c r="A287" s="2" t="s">
        <v>4</v>
      </c>
      <c r="B287" s="8">
        <v>9</v>
      </c>
      <c r="C287" s="32" t="s">
        <v>125</v>
      </c>
      <c r="D287" s="32" t="s">
        <v>711</v>
      </c>
    </row>
    <row r="288" spans="1:4" ht="15" x14ac:dyDescent="0.25">
      <c r="A288" s="2" t="s">
        <v>4</v>
      </c>
      <c r="B288" s="8">
        <v>8</v>
      </c>
      <c r="C288" s="32" t="s">
        <v>65</v>
      </c>
      <c r="D288" s="32" t="s">
        <v>712</v>
      </c>
    </row>
    <row r="289" spans="1:4" ht="15" x14ac:dyDescent="0.25">
      <c r="A289" s="2" t="s">
        <v>4</v>
      </c>
      <c r="B289" s="8">
        <v>7</v>
      </c>
      <c r="C289" s="32" t="s">
        <v>218</v>
      </c>
      <c r="D289" s="32" t="s">
        <v>713</v>
      </c>
    </row>
    <row r="290" spans="1:4" ht="15" x14ac:dyDescent="0.25">
      <c r="A290" s="2" t="s">
        <v>4</v>
      </c>
      <c r="B290" s="8">
        <v>6</v>
      </c>
      <c r="C290" s="32" t="s">
        <v>71</v>
      </c>
      <c r="D290" s="32" t="s">
        <v>714</v>
      </c>
    </row>
    <row r="291" spans="1:4" ht="15" x14ac:dyDescent="0.25">
      <c r="A291" s="2" t="s">
        <v>4</v>
      </c>
      <c r="B291" s="8">
        <v>5</v>
      </c>
      <c r="C291" s="32" t="s">
        <v>60</v>
      </c>
      <c r="D291" s="32" t="s">
        <v>715</v>
      </c>
    </row>
    <row r="292" spans="1:4" ht="15" x14ac:dyDescent="0.25">
      <c r="A292" s="2" t="s">
        <v>4</v>
      </c>
      <c r="B292" s="8">
        <v>4</v>
      </c>
      <c r="C292" s="32" t="s">
        <v>274</v>
      </c>
      <c r="D292" s="32" t="s">
        <v>716</v>
      </c>
    </row>
    <row r="293" spans="1:4" ht="15" x14ac:dyDescent="0.25">
      <c r="A293" s="2" t="s">
        <v>4</v>
      </c>
      <c r="B293" s="8">
        <v>3</v>
      </c>
      <c r="C293" s="32" t="s">
        <v>60</v>
      </c>
      <c r="D293" s="32" t="s">
        <v>717</v>
      </c>
    </row>
    <row r="294" spans="1:4" ht="15" x14ac:dyDescent="0.25">
      <c r="A294" s="2" t="s">
        <v>4</v>
      </c>
      <c r="B294" s="8">
        <v>2</v>
      </c>
      <c r="C294" s="32" t="s">
        <v>84</v>
      </c>
      <c r="D294" s="32" t="s">
        <v>718</v>
      </c>
    </row>
    <row r="295" spans="1:4" ht="15" x14ac:dyDescent="0.25">
      <c r="A295" s="2" t="s">
        <v>4</v>
      </c>
      <c r="B295" s="8">
        <v>1</v>
      </c>
      <c r="C295" s="32" t="s">
        <v>92</v>
      </c>
      <c r="D295" s="32" t="s">
        <v>719</v>
      </c>
    </row>
    <row r="296" spans="1:4" ht="14.25" customHeight="1" x14ac:dyDescent="0.25">
      <c r="A296" s="2" t="s">
        <v>6</v>
      </c>
      <c r="B296" s="8">
        <v>8</v>
      </c>
      <c r="C296" s="10" t="s">
        <v>409</v>
      </c>
      <c r="D296" s="10" t="s">
        <v>410</v>
      </c>
    </row>
    <row r="297" spans="1:4" ht="14.25" customHeight="1" x14ac:dyDescent="0.25">
      <c r="A297" s="2" t="s">
        <v>6</v>
      </c>
      <c r="B297" s="8">
        <v>7</v>
      </c>
      <c r="C297" s="10" t="s">
        <v>79</v>
      </c>
      <c r="D297" s="10" t="s">
        <v>411</v>
      </c>
    </row>
    <row r="298" spans="1:4" ht="14.25" customHeight="1" x14ac:dyDescent="0.25">
      <c r="A298" s="2" t="s">
        <v>6</v>
      </c>
      <c r="B298" s="8">
        <v>6</v>
      </c>
      <c r="C298" s="10" t="s">
        <v>125</v>
      </c>
      <c r="D298" s="10" t="s">
        <v>412</v>
      </c>
    </row>
    <row r="299" spans="1:4" ht="14.25" customHeight="1" x14ac:dyDescent="0.25">
      <c r="A299" s="2" t="s">
        <v>6</v>
      </c>
      <c r="B299" s="8">
        <v>5</v>
      </c>
      <c r="C299" s="10" t="s">
        <v>128</v>
      </c>
      <c r="D299" s="15" t="s">
        <v>413</v>
      </c>
    </row>
    <row r="300" spans="1:4" ht="14.25" customHeight="1" x14ac:dyDescent="0.25">
      <c r="A300" s="2" t="s">
        <v>6</v>
      </c>
      <c r="B300" s="8">
        <v>4</v>
      </c>
      <c r="C300" s="10" t="s">
        <v>138</v>
      </c>
      <c r="D300" s="10" t="s">
        <v>414</v>
      </c>
    </row>
    <row r="301" spans="1:4" ht="14.25" customHeight="1" x14ac:dyDescent="0.25">
      <c r="A301" s="2" t="s">
        <v>6</v>
      </c>
      <c r="B301" s="8">
        <v>3</v>
      </c>
      <c r="C301" s="10" t="s">
        <v>140</v>
      </c>
      <c r="D301" s="10" t="s">
        <v>415</v>
      </c>
    </row>
    <row r="302" spans="1:4" ht="14.25" customHeight="1" x14ac:dyDescent="0.25">
      <c r="A302" s="2" t="s">
        <v>6</v>
      </c>
      <c r="B302" s="8">
        <v>2</v>
      </c>
      <c r="C302" s="10" t="s">
        <v>324</v>
      </c>
      <c r="D302" s="10" t="s">
        <v>416</v>
      </c>
    </row>
    <row r="303" spans="1:4" ht="14.25" customHeight="1" x14ac:dyDescent="0.25">
      <c r="A303" s="2" t="s">
        <v>6</v>
      </c>
      <c r="B303" s="8">
        <v>1</v>
      </c>
      <c r="C303" s="10" t="s">
        <v>128</v>
      </c>
      <c r="D303" s="10" t="s">
        <v>417</v>
      </c>
    </row>
    <row r="304" spans="1:4" ht="14.25" customHeight="1" x14ac:dyDescent="0.25">
      <c r="A304" s="2" t="s">
        <v>7</v>
      </c>
      <c r="B304" s="8">
        <v>10</v>
      </c>
      <c r="C304" s="10" t="s">
        <v>111</v>
      </c>
      <c r="D304" s="10" t="s">
        <v>166</v>
      </c>
    </row>
    <row r="305" spans="1:4" ht="14.25" customHeight="1" x14ac:dyDescent="0.25">
      <c r="A305" s="2" t="s">
        <v>7</v>
      </c>
      <c r="B305" s="8">
        <v>9</v>
      </c>
      <c r="C305" s="10" t="s">
        <v>167</v>
      </c>
      <c r="D305" s="10" t="s">
        <v>168</v>
      </c>
    </row>
    <row r="306" spans="1:4" ht="15" x14ac:dyDescent="0.25">
      <c r="A306" s="2" t="s">
        <v>7</v>
      </c>
      <c r="B306" s="8">
        <v>8</v>
      </c>
      <c r="C306" s="14" t="s">
        <v>169</v>
      </c>
      <c r="D306" s="10" t="s">
        <v>170</v>
      </c>
    </row>
    <row r="307" spans="1:4" ht="12.75" x14ac:dyDescent="0.2">
      <c r="A307" s="2" t="s">
        <v>7</v>
      </c>
      <c r="B307" s="8">
        <v>7</v>
      </c>
      <c r="C307" s="12" t="s">
        <v>111</v>
      </c>
      <c r="D307" s="15" t="s">
        <v>171</v>
      </c>
    </row>
    <row r="308" spans="1:4" ht="15" x14ac:dyDescent="0.25">
      <c r="A308" s="2" t="s">
        <v>7</v>
      </c>
      <c r="B308" s="8">
        <v>6</v>
      </c>
      <c r="C308" s="10" t="s">
        <v>73</v>
      </c>
      <c r="D308" s="10" t="s">
        <v>172</v>
      </c>
    </row>
    <row r="309" spans="1:4" ht="15" x14ac:dyDescent="0.25">
      <c r="A309" s="2" t="s">
        <v>7</v>
      </c>
      <c r="B309" s="8">
        <v>5</v>
      </c>
      <c r="C309" s="10" t="s">
        <v>138</v>
      </c>
      <c r="D309" s="10" t="s">
        <v>173</v>
      </c>
    </row>
    <row r="310" spans="1:4" ht="15" x14ac:dyDescent="0.25">
      <c r="A310" s="2" t="s">
        <v>7</v>
      </c>
      <c r="B310" s="8">
        <v>4</v>
      </c>
      <c r="C310" s="10" t="s">
        <v>84</v>
      </c>
      <c r="D310" s="10" t="s">
        <v>174</v>
      </c>
    </row>
    <row r="311" spans="1:4" ht="15" x14ac:dyDescent="0.25">
      <c r="A311" s="2" t="s">
        <v>7</v>
      </c>
      <c r="B311" s="8">
        <v>3</v>
      </c>
      <c r="C311" s="10" t="s">
        <v>175</v>
      </c>
      <c r="D311" s="10" t="s">
        <v>176</v>
      </c>
    </row>
    <row r="312" spans="1:4" ht="15" x14ac:dyDescent="0.25">
      <c r="A312" s="2" t="s">
        <v>7</v>
      </c>
      <c r="B312" s="8">
        <v>2</v>
      </c>
      <c r="C312" s="10" t="s">
        <v>73</v>
      </c>
      <c r="D312" s="10" t="s">
        <v>177</v>
      </c>
    </row>
    <row r="313" spans="1:4" ht="15" x14ac:dyDescent="0.25">
      <c r="A313" s="2" t="s">
        <v>7</v>
      </c>
      <c r="B313" s="8">
        <v>1</v>
      </c>
      <c r="C313" s="10" t="s">
        <v>138</v>
      </c>
      <c r="D313" s="10" t="s">
        <v>178</v>
      </c>
    </row>
    <row r="314" spans="1:4" ht="15" x14ac:dyDescent="0.25">
      <c r="A314" s="2" t="s">
        <v>9</v>
      </c>
      <c r="B314" s="8">
        <v>10</v>
      </c>
      <c r="C314" s="10" t="s">
        <v>209</v>
      </c>
      <c r="D314" s="10" t="s">
        <v>740</v>
      </c>
    </row>
    <row r="315" spans="1:4" ht="15" x14ac:dyDescent="0.25">
      <c r="A315" s="2" t="s">
        <v>9</v>
      </c>
      <c r="B315" s="8">
        <v>9</v>
      </c>
      <c r="C315" s="10" t="s">
        <v>125</v>
      </c>
      <c r="D315" s="10" t="s">
        <v>741</v>
      </c>
    </row>
    <row r="316" spans="1:4" ht="15" x14ac:dyDescent="0.25">
      <c r="A316" s="2" t="s">
        <v>9</v>
      </c>
      <c r="B316" s="8">
        <v>8</v>
      </c>
      <c r="C316" s="10" t="s">
        <v>125</v>
      </c>
      <c r="D316" s="10" t="s">
        <v>537</v>
      </c>
    </row>
    <row r="317" spans="1:4" ht="15" x14ac:dyDescent="0.25">
      <c r="A317" s="2" t="s">
        <v>9</v>
      </c>
      <c r="B317" s="8">
        <v>7</v>
      </c>
      <c r="C317" s="10" t="s">
        <v>88</v>
      </c>
      <c r="D317" s="10" t="s">
        <v>742</v>
      </c>
    </row>
    <row r="318" spans="1:4" ht="15" x14ac:dyDescent="0.25">
      <c r="A318" s="2" t="s">
        <v>9</v>
      </c>
      <c r="B318" s="8">
        <v>6</v>
      </c>
      <c r="C318" s="10" t="s">
        <v>299</v>
      </c>
      <c r="D318" s="10" t="s">
        <v>743</v>
      </c>
    </row>
    <row r="319" spans="1:4" ht="15" x14ac:dyDescent="0.25">
      <c r="A319" s="2" t="s">
        <v>9</v>
      </c>
      <c r="B319" s="8">
        <v>5</v>
      </c>
      <c r="C319" s="10" t="s">
        <v>360</v>
      </c>
      <c r="D319" s="10" t="s">
        <v>744</v>
      </c>
    </row>
    <row r="320" spans="1:4" ht="15" x14ac:dyDescent="0.25">
      <c r="A320" s="2" t="s">
        <v>9</v>
      </c>
      <c r="B320" s="8">
        <v>4</v>
      </c>
      <c r="C320" s="10" t="s">
        <v>73</v>
      </c>
      <c r="D320" s="10" t="s">
        <v>745</v>
      </c>
    </row>
    <row r="321" spans="1:4" ht="15" x14ac:dyDescent="0.25">
      <c r="A321" s="2" t="s">
        <v>9</v>
      </c>
      <c r="B321" s="8">
        <v>3</v>
      </c>
      <c r="C321" s="10" t="s">
        <v>175</v>
      </c>
      <c r="D321" s="10" t="s">
        <v>746</v>
      </c>
    </row>
    <row r="322" spans="1:4" ht="15" x14ac:dyDescent="0.25">
      <c r="A322" s="2" t="s">
        <v>9</v>
      </c>
      <c r="B322" s="8">
        <v>2</v>
      </c>
      <c r="C322" s="10" t="s">
        <v>84</v>
      </c>
      <c r="D322" s="10" t="s">
        <v>747</v>
      </c>
    </row>
    <row r="323" spans="1:4" ht="15" x14ac:dyDescent="0.25">
      <c r="A323" s="2" t="s">
        <v>9</v>
      </c>
      <c r="B323" s="8">
        <v>1</v>
      </c>
      <c r="C323" s="10" t="s">
        <v>75</v>
      </c>
      <c r="D323" s="10" t="s">
        <v>748</v>
      </c>
    </row>
    <row r="324" spans="1:4" ht="15" x14ac:dyDescent="0.25">
      <c r="A324" s="2" t="s">
        <v>35</v>
      </c>
      <c r="B324" s="8">
        <v>10</v>
      </c>
      <c r="C324" s="10" t="s">
        <v>184</v>
      </c>
      <c r="D324" s="15" t="s">
        <v>575</v>
      </c>
    </row>
    <row r="325" spans="1:4" ht="15" x14ac:dyDescent="0.25">
      <c r="A325" s="2" t="s">
        <v>35</v>
      </c>
      <c r="B325" s="8">
        <v>9</v>
      </c>
      <c r="C325" s="10" t="s">
        <v>73</v>
      </c>
      <c r="D325" s="10" t="s">
        <v>576</v>
      </c>
    </row>
    <row r="326" spans="1:4" ht="15" x14ac:dyDescent="0.25">
      <c r="A326" s="2" t="s">
        <v>35</v>
      </c>
      <c r="B326" s="8">
        <v>8</v>
      </c>
      <c r="C326" s="10" t="s">
        <v>163</v>
      </c>
      <c r="D326" s="11" t="s">
        <v>577</v>
      </c>
    </row>
    <row r="327" spans="1:4" ht="15" x14ac:dyDescent="0.25">
      <c r="A327" s="2" t="s">
        <v>35</v>
      </c>
      <c r="B327" s="8">
        <v>7</v>
      </c>
      <c r="C327" s="10" t="s">
        <v>88</v>
      </c>
      <c r="D327" s="10" t="s">
        <v>578</v>
      </c>
    </row>
    <row r="328" spans="1:4" ht="15" x14ac:dyDescent="0.25">
      <c r="A328" s="2" t="s">
        <v>35</v>
      </c>
      <c r="B328" s="8">
        <v>6</v>
      </c>
      <c r="C328" s="10" t="s">
        <v>400</v>
      </c>
      <c r="D328" s="10" t="s">
        <v>579</v>
      </c>
    </row>
    <row r="329" spans="1:4" ht="15" x14ac:dyDescent="0.25">
      <c r="A329" s="2" t="s">
        <v>35</v>
      </c>
      <c r="B329" s="8">
        <v>5</v>
      </c>
      <c r="C329" s="10" t="s">
        <v>186</v>
      </c>
      <c r="D329" s="15" t="s">
        <v>580</v>
      </c>
    </row>
    <row r="330" spans="1:4" ht="15" x14ac:dyDescent="0.25">
      <c r="A330" s="2" t="s">
        <v>35</v>
      </c>
      <c r="B330" s="8">
        <v>4</v>
      </c>
      <c r="C330" s="10" t="s">
        <v>505</v>
      </c>
      <c r="D330" s="10" t="s">
        <v>581</v>
      </c>
    </row>
    <row r="331" spans="1:4" ht="15" x14ac:dyDescent="0.25">
      <c r="A331" s="2" t="s">
        <v>35</v>
      </c>
      <c r="B331" s="8">
        <v>3</v>
      </c>
      <c r="C331" s="10" t="s">
        <v>488</v>
      </c>
      <c r="D331" s="10" t="s">
        <v>582</v>
      </c>
    </row>
    <row r="332" spans="1:4" ht="15" x14ac:dyDescent="0.25">
      <c r="A332" s="2" t="s">
        <v>35</v>
      </c>
      <c r="B332" s="8">
        <v>2</v>
      </c>
      <c r="C332" s="10" t="s">
        <v>316</v>
      </c>
      <c r="D332" s="10" t="s">
        <v>583</v>
      </c>
    </row>
    <row r="333" spans="1:4" ht="12.75" x14ac:dyDescent="0.2">
      <c r="A333" s="2" t="s">
        <v>35</v>
      </c>
      <c r="B333" s="8">
        <v>1</v>
      </c>
      <c r="C333" s="30" t="s">
        <v>316</v>
      </c>
      <c r="D333" s="11" t="s">
        <v>584</v>
      </c>
    </row>
    <row r="334" spans="1:4" ht="15" x14ac:dyDescent="0.25">
      <c r="A334" s="2" t="s">
        <v>36</v>
      </c>
      <c r="B334" s="8">
        <v>10</v>
      </c>
      <c r="C334" s="10" t="s">
        <v>207</v>
      </c>
      <c r="D334" s="10" t="s">
        <v>554</v>
      </c>
    </row>
    <row r="335" spans="1:4" ht="14.25" customHeight="1" x14ac:dyDescent="0.25">
      <c r="A335" s="2" t="s">
        <v>36</v>
      </c>
      <c r="B335" s="8">
        <v>9</v>
      </c>
      <c r="C335" s="10" t="s">
        <v>286</v>
      </c>
      <c r="D335" s="10" t="s">
        <v>555</v>
      </c>
    </row>
    <row r="336" spans="1:4" ht="14.25" customHeight="1" x14ac:dyDescent="0.25">
      <c r="A336" s="2" t="s">
        <v>36</v>
      </c>
      <c r="B336" s="8">
        <v>8</v>
      </c>
      <c r="C336" s="10" t="s">
        <v>145</v>
      </c>
      <c r="D336" s="10" t="s">
        <v>556</v>
      </c>
    </row>
    <row r="337" spans="1:4" ht="14.25" customHeight="1" x14ac:dyDescent="0.25">
      <c r="A337" s="2" t="s">
        <v>36</v>
      </c>
      <c r="B337" s="8">
        <v>7</v>
      </c>
      <c r="C337" s="10" t="s">
        <v>197</v>
      </c>
      <c r="D337" s="10" t="s">
        <v>557</v>
      </c>
    </row>
    <row r="338" spans="1:4" ht="14.25" customHeight="1" x14ac:dyDescent="0.25">
      <c r="A338" s="2" t="s">
        <v>36</v>
      </c>
      <c r="B338" s="8">
        <v>6</v>
      </c>
      <c r="C338" s="10" t="s">
        <v>169</v>
      </c>
      <c r="D338" s="13" t="s">
        <v>558</v>
      </c>
    </row>
    <row r="339" spans="1:4" ht="14.25" customHeight="1" x14ac:dyDescent="0.25">
      <c r="A339" s="2" t="s">
        <v>36</v>
      </c>
      <c r="B339" s="8">
        <v>5</v>
      </c>
      <c r="C339" s="10" t="s">
        <v>559</v>
      </c>
      <c r="D339" s="10" t="s">
        <v>560</v>
      </c>
    </row>
    <row r="340" spans="1:4" ht="14.25" customHeight="1" x14ac:dyDescent="0.25">
      <c r="A340" s="2" t="s">
        <v>36</v>
      </c>
      <c r="B340" s="8">
        <v>4</v>
      </c>
      <c r="C340" s="10" t="s">
        <v>308</v>
      </c>
      <c r="D340" s="10" t="s">
        <v>561</v>
      </c>
    </row>
    <row r="341" spans="1:4" ht="14.25" customHeight="1" x14ac:dyDescent="0.25">
      <c r="A341" s="2" t="s">
        <v>36</v>
      </c>
      <c r="B341" s="8">
        <v>3</v>
      </c>
      <c r="C341" s="10" t="s">
        <v>103</v>
      </c>
      <c r="D341" s="10" t="s">
        <v>562</v>
      </c>
    </row>
    <row r="342" spans="1:4" ht="14.25" customHeight="1" x14ac:dyDescent="0.25">
      <c r="A342" s="2" t="s">
        <v>36</v>
      </c>
      <c r="B342" s="8">
        <v>2</v>
      </c>
      <c r="C342" s="10" t="s">
        <v>92</v>
      </c>
      <c r="D342" s="10" t="s">
        <v>563</v>
      </c>
    </row>
    <row r="343" spans="1:4" ht="14.25" customHeight="1" x14ac:dyDescent="0.25">
      <c r="A343" s="2" t="s">
        <v>36</v>
      </c>
      <c r="B343" s="8">
        <v>1</v>
      </c>
      <c r="C343" s="10" t="s">
        <v>60</v>
      </c>
      <c r="D343" s="10" t="s">
        <v>564</v>
      </c>
    </row>
    <row r="344" spans="1:4" ht="14.25" customHeight="1" x14ac:dyDescent="0.25">
      <c r="A344" s="2" t="s">
        <v>11</v>
      </c>
      <c r="B344" s="8">
        <v>10</v>
      </c>
      <c r="C344" s="10" t="s">
        <v>186</v>
      </c>
      <c r="D344" s="10" t="s">
        <v>595</v>
      </c>
    </row>
    <row r="345" spans="1:4" ht="14.25" customHeight="1" x14ac:dyDescent="0.25">
      <c r="A345" s="2" t="s">
        <v>11</v>
      </c>
      <c r="B345" s="8">
        <v>9</v>
      </c>
      <c r="C345" s="10" t="s">
        <v>197</v>
      </c>
      <c r="D345" s="10" t="s">
        <v>596</v>
      </c>
    </row>
    <row r="346" spans="1:4" ht="14.25" customHeight="1" x14ac:dyDescent="0.25">
      <c r="A346" s="2" t="s">
        <v>11</v>
      </c>
      <c r="B346" s="8">
        <v>8</v>
      </c>
      <c r="C346" s="10" t="s">
        <v>111</v>
      </c>
      <c r="D346" s="10" t="s">
        <v>597</v>
      </c>
    </row>
    <row r="347" spans="1:4" ht="14.25" customHeight="1" x14ac:dyDescent="0.25">
      <c r="A347" s="2" t="s">
        <v>11</v>
      </c>
      <c r="B347" s="8">
        <v>7</v>
      </c>
      <c r="C347" s="10" t="s">
        <v>147</v>
      </c>
      <c r="D347" s="10" t="s">
        <v>598</v>
      </c>
    </row>
    <row r="348" spans="1:4" ht="14.25" customHeight="1" x14ac:dyDescent="0.25">
      <c r="A348" s="2" t="s">
        <v>11</v>
      </c>
      <c r="B348" s="8">
        <v>6</v>
      </c>
      <c r="C348" s="10" t="s">
        <v>82</v>
      </c>
      <c r="D348" s="10" t="s">
        <v>599</v>
      </c>
    </row>
    <row r="349" spans="1:4" ht="14.25" customHeight="1" x14ac:dyDescent="0.25">
      <c r="A349" s="2" t="s">
        <v>11</v>
      </c>
      <c r="B349" s="8">
        <v>5</v>
      </c>
      <c r="C349" s="10" t="s">
        <v>461</v>
      </c>
      <c r="D349" s="10" t="s">
        <v>600</v>
      </c>
    </row>
    <row r="350" spans="1:4" ht="14.25" customHeight="1" x14ac:dyDescent="0.25">
      <c r="A350" s="2" t="s">
        <v>11</v>
      </c>
      <c r="B350" s="8">
        <v>4</v>
      </c>
      <c r="C350" s="10" t="s">
        <v>365</v>
      </c>
      <c r="D350" s="10" t="s">
        <v>601</v>
      </c>
    </row>
    <row r="351" spans="1:4" ht="14.25" customHeight="1" x14ac:dyDescent="0.25">
      <c r="A351" s="2" t="s">
        <v>11</v>
      </c>
      <c r="B351" s="8">
        <v>3</v>
      </c>
      <c r="C351" s="10" t="s">
        <v>209</v>
      </c>
      <c r="D351" s="10" t="s">
        <v>602</v>
      </c>
    </row>
    <row r="352" spans="1:4" ht="14.25" customHeight="1" x14ac:dyDescent="0.25">
      <c r="A352" s="2" t="s">
        <v>11</v>
      </c>
      <c r="B352" s="8">
        <v>2</v>
      </c>
      <c r="C352" s="10" t="s">
        <v>73</v>
      </c>
      <c r="D352" s="12" t="s">
        <v>603</v>
      </c>
    </row>
    <row r="353" spans="1:4" ht="14.25" customHeight="1" x14ac:dyDescent="0.25">
      <c r="A353" s="2" t="s">
        <v>11</v>
      </c>
      <c r="B353" s="8">
        <v>1</v>
      </c>
      <c r="C353" s="16" t="s">
        <v>75</v>
      </c>
      <c r="D353" s="16" t="s">
        <v>604</v>
      </c>
    </row>
    <row r="354" spans="1:4" ht="14.25" customHeight="1" x14ac:dyDescent="0.25">
      <c r="A354" s="2" t="s">
        <v>54</v>
      </c>
      <c r="B354" s="8">
        <v>10</v>
      </c>
      <c r="C354" s="5"/>
      <c r="D354" s="6"/>
    </row>
    <row r="355" spans="1:4" ht="14.25" customHeight="1" x14ac:dyDescent="0.25">
      <c r="A355" s="2" t="s">
        <v>54</v>
      </c>
      <c r="B355" s="8">
        <v>9</v>
      </c>
      <c r="C355" s="10" t="s">
        <v>190</v>
      </c>
      <c r="D355" s="10" t="s">
        <v>681</v>
      </c>
    </row>
    <row r="356" spans="1:4" ht="14.25" customHeight="1" x14ac:dyDescent="0.25">
      <c r="A356" s="2" t="s">
        <v>54</v>
      </c>
      <c r="B356" s="8">
        <v>8</v>
      </c>
      <c r="C356" s="10" t="s">
        <v>99</v>
      </c>
      <c r="D356" s="10" t="s">
        <v>682</v>
      </c>
    </row>
    <row r="357" spans="1:4" ht="14.25" customHeight="1" x14ac:dyDescent="0.25">
      <c r="A357" s="2" t="s">
        <v>54</v>
      </c>
      <c r="B357" s="8">
        <v>7</v>
      </c>
      <c r="C357" s="10" t="s">
        <v>351</v>
      </c>
      <c r="D357" s="10" t="s">
        <v>683</v>
      </c>
    </row>
    <row r="358" spans="1:4" ht="14.25" customHeight="1" x14ac:dyDescent="0.25">
      <c r="A358" s="2" t="s">
        <v>54</v>
      </c>
      <c r="B358" s="8">
        <v>6</v>
      </c>
      <c r="C358" s="10" t="s">
        <v>88</v>
      </c>
      <c r="D358" s="10" t="s">
        <v>684</v>
      </c>
    </row>
    <row r="359" spans="1:4" ht="15" x14ac:dyDescent="0.25">
      <c r="A359" s="2" t="s">
        <v>54</v>
      </c>
      <c r="B359" s="8">
        <v>5</v>
      </c>
      <c r="C359" s="10" t="s">
        <v>538</v>
      </c>
      <c r="D359" s="10" t="s">
        <v>685</v>
      </c>
    </row>
    <row r="360" spans="1:4" ht="14.25" customHeight="1" x14ac:dyDescent="0.25">
      <c r="A360" s="2" t="s">
        <v>54</v>
      </c>
      <c r="B360" s="8">
        <v>4</v>
      </c>
      <c r="C360" s="10" t="s">
        <v>686</v>
      </c>
      <c r="D360" s="10" t="s">
        <v>687</v>
      </c>
    </row>
    <row r="361" spans="1:4" ht="14.25" customHeight="1" x14ac:dyDescent="0.25">
      <c r="A361" s="2" t="s">
        <v>54</v>
      </c>
      <c r="B361" s="8">
        <v>3</v>
      </c>
      <c r="C361" s="10" t="s">
        <v>355</v>
      </c>
      <c r="D361" s="10" t="s">
        <v>688</v>
      </c>
    </row>
    <row r="362" spans="1:4" ht="14.25" customHeight="1" x14ac:dyDescent="0.25">
      <c r="A362" s="2" t="s">
        <v>54</v>
      </c>
      <c r="B362" s="8">
        <v>2</v>
      </c>
      <c r="C362" s="10" t="s">
        <v>179</v>
      </c>
      <c r="D362" s="10" t="s">
        <v>689</v>
      </c>
    </row>
    <row r="363" spans="1:4" ht="14.25" customHeight="1" x14ac:dyDescent="0.25">
      <c r="A363" s="2" t="s">
        <v>54</v>
      </c>
      <c r="B363" s="8">
        <v>1</v>
      </c>
      <c r="C363" s="10" t="s">
        <v>150</v>
      </c>
      <c r="D363" s="10" t="s">
        <v>690</v>
      </c>
    </row>
    <row r="364" spans="1:4" ht="15" x14ac:dyDescent="0.25">
      <c r="A364" s="2" t="s">
        <v>46</v>
      </c>
      <c r="B364" s="8">
        <v>10</v>
      </c>
      <c r="C364" s="10" t="s">
        <v>483</v>
      </c>
      <c r="D364" s="15" t="s">
        <v>616</v>
      </c>
    </row>
    <row r="365" spans="1:4" ht="15" x14ac:dyDescent="0.25">
      <c r="A365" s="2" t="s">
        <v>46</v>
      </c>
      <c r="B365" s="8">
        <v>9</v>
      </c>
      <c r="C365" s="10" t="s">
        <v>71</v>
      </c>
      <c r="D365" s="10" t="s">
        <v>617</v>
      </c>
    </row>
    <row r="366" spans="1:4" ht="15" x14ac:dyDescent="0.25">
      <c r="A366" s="2" t="s">
        <v>46</v>
      </c>
      <c r="B366" s="8">
        <v>8</v>
      </c>
      <c r="C366" s="10" t="s">
        <v>618</v>
      </c>
      <c r="D366" s="10" t="s">
        <v>619</v>
      </c>
    </row>
    <row r="367" spans="1:4" ht="15" x14ac:dyDescent="0.25">
      <c r="A367" s="2" t="s">
        <v>46</v>
      </c>
      <c r="B367" s="8">
        <v>7</v>
      </c>
      <c r="C367" s="10" t="s">
        <v>65</v>
      </c>
      <c r="D367" s="10" t="s">
        <v>620</v>
      </c>
    </row>
    <row r="368" spans="1:4" ht="15" x14ac:dyDescent="0.25">
      <c r="A368" s="2" t="s">
        <v>46</v>
      </c>
      <c r="B368" s="8">
        <v>6</v>
      </c>
      <c r="C368" s="10" t="s">
        <v>82</v>
      </c>
      <c r="D368" s="10" t="s">
        <v>621</v>
      </c>
    </row>
    <row r="369" spans="1:4" ht="15" x14ac:dyDescent="0.25">
      <c r="A369" s="2" t="s">
        <v>46</v>
      </c>
      <c r="B369" s="8">
        <v>5</v>
      </c>
      <c r="C369" s="10" t="s">
        <v>622</v>
      </c>
      <c r="D369" s="10" t="s">
        <v>623</v>
      </c>
    </row>
    <row r="370" spans="1:4" ht="15" x14ac:dyDescent="0.25">
      <c r="A370" s="2" t="s">
        <v>46</v>
      </c>
      <c r="B370" s="8">
        <v>4</v>
      </c>
      <c r="C370" s="10" t="s">
        <v>538</v>
      </c>
      <c r="D370" s="10" t="s">
        <v>624</v>
      </c>
    </row>
    <row r="371" spans="1:4" ht="15" x14ac:dyDescent="0.25">
      <c r="A371" s="2" t="s">
        <v>46</v>
      </c>
      <c r="B371" s="8">
        <v>3</v>
      </c>
      <c r="C371" s="10" t="s">
        <v>308</v>
      </c>
      <c r="D371" s="10" t="s">
        <v>537</v>
      </c>
    </row>
    <row r="372" spans="1:4" ht="15" x14ac:dyDescent="0.25">
      <c r="A372" s="2" t="s">
        <v>46</v>
      </c>
      <c r="B372" s="8">
        <v>2</v>
      </c>
      <c r="C372" s="10" t="s">
        <v>488</v>
      </c>
      <c r="D372" s="10" t="s">
        <v>625</v>
      </c>
    </row>
    <row r="373" spans="1:4" ht="15" x14ac:dyDescent="0.25">
      <c r="A373" s="2" t="s">
        <v>46</v>
      </c>
      <c r="B373" s="8">
        <v>1</v>
      </c>
      <c r="C373" s="10" t="s">
        <v>286</v>
      </c>
      <c r="D373" s="10" t="s">
        <v>626</v>
      </c>
    </row>
    <row r="374" spans="1:4" ht="15" x14ac:dyDescent="0.25">
      <c r="A374" s="2" t="s">
        <v>15</v>
      </c>
      <c r="B374" s="9">
        <v>10</v>
      </c>
      <c r="C374" s="10" t="s">
        <v>469</v>
      </c>
      <c r="D374" s="10" t="s">
        <v>648</v>
      </c>
    </row>
    <row r="375" spans="1:4" ht="15" x14ac:dyDescent="0.25">
      <c r="A375" s="2" t="s">
        <v>15</v>
      </c>
      <c r="B375" s="9">
        <v>9</v>
      </c>
      <c r="C375" s="10" t="s">
        <v>351</v>
      </c>
      <c r="D375" s="10" t="s">
        <v>649</v>
      </c>
    </row>
    <row r="376" spans="1:4" ht="15" x14ac:dyDescent="0.25">
      <c r="A376" s="2" t="s">
        <v>15</v>
      </c>
      <c r="B376" s="9">
        <v>8</v>
      </c>
      <c r="C376" s="31" t="s">
        <v>145</v>
      </c>
      <c r="D376" s="10" t="s">
        <v>650</v>
      </c>
    </row>
    <row r="377" spans="1:4" ht="15" x14ac:dyDescent="0.25">
      <c r="A377" s="2" t="s">
        <v>15</v>
      </c>
      <c r="B377" s="9">
        <v>7</v>
      </c>
      <c r="C377" s="10" t="s">
        <v>125</v>
      </c>
      <c r="D377" s="10" t="s">
        <v>651</v>
      </c>
    </row>
    <row r="378" spans="1:4" ht="15" x14ac:dyDescent="0.25">
      <c r="A378" s="2" t="s">
        <v>15</v>
      </c>
      <c r="B378" s="9">
        <v>6</v>
      </c>
      <c r="C378" s="10" t="s">
        <v>99</v>
      </c>
      <c r="D378" s="10" t="s">
        <v>652</v>
      </c>
    </row>
    <row r="379" spans="1:4" ht="15" x14ac:dyDescent="0.25">
      <c r="A379" s="2" t="s">
        <v>15</v>
      </c>
      <c r="B379" s="9">
        <v>5</v>
      </c>
      <c r="C379" s="10" t="s">
        <v>239</v>
      </c>
      <c r="D379" s="10" t="s">
        <v>653</v>
      </c>
    </row>
    <row r="380" spans="1:4" ht="15" x14ac:dyDescent="0.25">
      <c r="A380" s="2" t="s">
        <v>15</v>
      </c>
      <c r="B380" s="9">
        <v>4</v>
      </c>
      <c r="C380" s="10" t="s">
        <v>330</v>
      </c>
      <c r="D380" s="10" t="s">
        <v>654</v>
      </c>
    </row>
    <row r="381" spans="1:4" ht="15" x14ac:dyDescent="0.25">
      <c r="A381" s="2" t="s">
        <v>15</v>
      </c>
      <c r="B381" s="9">
        <v>3</v>
      </c>
      <c r="C381" s="10" t="s">
        <v>71</v>
      </c>
      <c r="D381" s="10" t="s">
        <v>655</v>
      </c>
    </row>
    <row r="382" spans="1:4" ht="15" x14ac:dyDescent="0.25">
      <c r="A382" s="2" t="s">
        <v>15</v>
      </c>
      <c r="B382" s="9">
        <v>2</v>
      </c>
      <c r="C382" s="10" t="s">
        <v>351</v>
      </c>
      <c r="D382" s="10" t="s">
        <v>656</v>
      </c>
    </row>
    <row r="383" spans="1:4" ht="15" x14ac:dyDescent="0.25">
      <c r="A383" s="2" t="s">
        <v>15</v>
      </c>
      <c r="B383" s="9">
        <v>1</v>
      </c>
      <c r="C383" s="10" t="s">
        <v>103</v>
      </c>
      <c r="D383" s="10" t="s">
        <v>657</v>
      </c>
    </row>
    <row r="384" spans="1:4" ht="15" x14ac:dyDescent="0.25">
      <c r="A384" s="2" t="s">
        <v>37</v>
      </c>
      <c r="B384" s="8">
        <v>10</v>
      </c>
      <c r="C384" s="5"/>
      <c r="D384" s="6"/>
    </row>
    <row r="385" spans="1:4" ht="15" x14ac:dyDescent="0.25">
      <c r="A385" s="2" t="s">
        <v>37</v>
      </c>
      <c r="B385" s="8">
        <v>9</v>
      </c>
      <c r="C385" s="10" t="s">
        <v>544</v>
      </c>
      <c r="D385" s="10" t="s">
        <v>545</v>
      </c>
    </row>
    <row r="386" spans="1:4" ht="15" x14ac:dyDescent="0.25">
      <c r="A386" s="2" t="s">
        <v>37</v>
      </c>
      <c r="B386" s="8">
        <v>8</v>
      </c>
      <c r="C386" s="10" t="s">
        <v>483</v>
      </c>
      <c r="D386" s="10" t="s">
        <v>546</v>
      </c>
    </row>
    <row r="387" spans="1:4" ht="15" x14ac:dyDescent="0.25">
      <c r="A387" s="2" t="s">
        <v>37</v>
      </c>
      <c r="B387" s="8">
        <v>7</v>
      </c>
      <c r="C387" s="10" t="s">
        <v>111</v>
      </c>
      <c r="D387" s="29" t="s">
        <v>547</v>
      </c>
    </row>
    <row r="388" spans="1:4" ht="15" x14ac:dyDescent="0.25">
      <c r="A388" s="2" t="s">
        <v>37</v>
      </c>
      <c r="B388" s="8">
        <v>6</v>
      </c>
      <c r="C388" s="10" t="s">
        <v>150</v>
      </c>
      <c r="D388" s="10" t="s">
        <v>548</v>
      </c>
    </row>
    <row r="389" spans="1:4" ht="13.35" customHeight="1" x14ac:dyDescent="0.25">
      <c r="A389" s="2" t="s">
        <v>37</v>
      </c>
      <c r="B389" s="8">
        <v>5</v>
      </c>
      <c r="C389" s="10" t="s">
        <v>195</v>
      </c>
      <c r="D389" s="10" t="s">
        <v>549</v>
      </c>
    </row>
    <row r="390" spans="1:4" ht="15" x14ac:dyDescent="0.25">
      <c r="A390" s="2" t="s">
        <v>37</v>
      </c>
      <c r="B390" s="8">
        <v>4</v>
      </c>
      <c r="C390" s="10" t="s">
        <v>469</v>
      </c>
      <c r="D390" s="10" t="s">
        <v>550</v>
      </c>
    </row>
    <row r="391" spans="1:4" ht="15" x14ac:dyDescent="0.25">
      <c r="A391" s="2" t="s">
        <v>37</v>
      </c>
      <c r="B391" s="8">
        <v>3</v>
      </c>
      <c r="C391" s="10" t="s">
        <v>65</v>
      </c>
      <c r="D391" s="10" t="s">
        <v>551</v>
      </c>
    </row>
    <row r="392" spans="1:4" ht="15" x14ac:dyDescent="0.25">
      <c r="A392" s="2" t="s">
        <v>37</v>
      </c>
      <c r="B392" s="8">
        <v>2</v>
      </c>
      <c r="C392" s="10" t="s">
        <v>71</v>
      </c>
      <c r="D392" s="10" t="s">
        <v>552</v>
      </c>
    </row>
    <row r="393" spans="1:4" ht="15" x14ac:dyDescent="0.25">
      <c r="A393" s="2" t="s">
        <v>37</v>
      </c>
      <c r="B393" s="8">
        <v>1</v>
      </c>
      <c r="C393" s="10" t="s">
        <v>84</v>
      </c>
      <c r="D393" s="10" t="s">
        <v>553</v>
      </c>
    </row>
    <row r="394" spans="1:4" ht="15" x14ac:dyDescent="0.25">
      <c r="A394" s="2" t="s">
        <v>17</v>
      </c>
      <c r="B394" s="8">
        <v>10</v>
      </c>
      <c r="C394" s="10" t="s">
        <v>125</v>
      </c>
      <c r="D394" s="12" t="s">
        <v>730</v>
      </c>
    </row>
    <row r="395" spans="1:4" ht="14.25" customHeight="1" x14ac:dyDescent="0.25">
      <c r="A395" s="2" t="s">
        <v>17</v>
      </c>
      <c r="B395" s="8">
        <v>9</v>
      </c>
      <c r="C395" s="10" t="s">
        <v>511</v>
      </c>
      <c r="D395" s="12" t="s">
        <v>731</v>
      </c>
    </row>
    <row r="396" spans="1:4" ht="14.25" customHeight="1" x14ac:dyDescent="0.25">
      <c r="A396" s="2" t="s">
        <v>17</v>
      </c>
      <c r="B396" s="8">
        <v>8</v>
      </c>
      <c r="C396" s="10" t="s">
        <v>190</v>
      </c>
      <c r="D396" s="12" t="s">
        <v>732</v>
      </c>
    </row>
    <row r="397" spans="1:4" ht="14.25" customHeight="1" x14ac:dyDescent="0.25">
      <c r="A397" s="2" t="s">
        <v>17</v>
      </c>
      <c r="B397" s="8">
        <v>7</v>
      </c>
      <c r="C397" s="10" t="s">
        <v>73</v>
      </c>
      <c r="D397" s="12" t="s">
        <v>733</v>
      </c>
    </row>
    <row r="398" spans="1:4" ht="14.25" customHeight="1" x14ac:dyDescent="0.25">
      <c r="A398" s="2" t="s">
        <v>17</v>
      </c>
      <c r="B398" s="8">
        <v>6</v>
      </c>
      <c r="C398" s="10" t="s">
        <v>209</v>
      </c>
      <c r="D398" s="11" t="s">
        <v>734</v>
      </c>
    </row>
    <row r="399" spans="1:4" ht="14.25" customHeight="1" x14ac:dyDescent="0.25">
      <c r="A399" s="2" t="s">
        <v>17</v>
      </c>
      <c r="B399" s="8">
        <v>5</v>
      </c>
      <c r="C399" s="10" t="s">
        <v>207</v>
      </c>
      <c r="D399" s="11" t="s">
        <v>735</v>
      </c>
    </row>
    <row r="400" spans="1:4" ht="14.25" customHeight="1" x14ac:dyDescent="0.25">
      <c r="A400" s="2" t="s">
        <v>17</v>
      </c>
      <c r="B400" s="8">
        <v>4</v>
      </c>
      <c r="C400" s="10" t="s">
        <v>286</v>
      </c>
      <c r="D400" s="11" t="s">
        <v>736</v>
      </c>
    </row>
    <row r="401" spans="1:4" ht="14.25" customHeight="1" x14ac:dyDescent="0.25">
      <c r="A401" s="2" t="s">
        <v>17</v>
      </c>
      <c r="B401" s="8">
        <v>3</v>
      </c>
      <c r="C401" s="10" t="s">
        <v>82</v>
      </c>
      <c r="D401" s="12" t="s">
        <v>737</v>
      </c>
    </row>
    <row r="402" spans="1:4" ht="14.25" customHeight="1" x14ac:dyDescent="0.2">
      <c r="A402" s="2" t="s">
        <v>17</v>
      </c>
      <c r="B402" s="8">
        <v>2</v>
      </c>
      <c r="C402" s="11" t="s">
        <v>95</v>
      </c>
      <c r="D402" s="11" t="s">
        <v>738</v>
      </c>
    </row>
    <row r="403" spans="1:4" ht="14.25" customHeight="1" x14ac:dyDescent="0.25">
      <c r="A403" s="2" t="s">
        <v>17</v>
      </c>
      <c r="B403" s="8">
        <v>1</v>
      </c>
      <c r="C403" s="10" t="s">
        <v>84</v>
      </c>
      <c r="D403" s="10" t="s">
        <v>739</v>
      </c>
    </row>
    <row r="404" spans="1:4" ht="14.25" customHeight="1" x14ac:dyDescent="0.25">
      <c r="A404" s="2" t="s">
        <v>55</v>
      </c>
      <c r="B404" s="8">
        <v>10</v>
      </c>
      <c r="C404" s="10" t="s">
        <v>63</v>
      </c>
      <c r="D404" s="10" t="s">
        <v>638</v>
      </c>
    </row>
    <row r="405" spans="1:4" ht="14.25" customHeight="1" x14ac:dyDescent="0.25">
      <c r="A405" s="2" t="s">
        <v>55</v>
      </c>
      <c r="B405" s="8">
        <v>9</v>
      </c>
      <c r="C405" s="10" t="s">
        <v>71</v>
      </c>
      <c r="D405" s="10" t="s">
        <v>639</v>
      </c>
    </row>
    <row r="406" spans="1:4" ht="15" x14ac:dyDescent="0.25">
      <c r="A406" s="2" t="s">
        <v>55</v>
      </c>
      <c r="B406" s="8">
        <v>8</v>
      </c>
      <c r="C406" s="10" t="s">
        <v>175</v>
      </c>
      <c r="D406" s="10" t="s">
        <v>640</v>
      </c>
    </row>
    <row r="407" spans="1:4" ht="15" x14ac:dyDescent="0.25">
      <c r="A407" s="2" t="s">
        <v>55</v>
      </c>
      <c r="B407" s="8">
        <v>7</v>
      </c>
      <c r="C407" s="10" t="s">
        <v>84</v>
      </c>
      <c r="D407" s="10" t="s">
        <v>641</v>
      </c>
    </row>
    <row r="408" spans="1:4" ht="15" x14ac:dyDescent="0.25">
      <c r="A408" s="2" t="s">
        <v>55</v>
      </c>
      <c r="B408" s="8">
        <v>6</v>
      </c>
      <c r="C408" s="10" t="s">
        <v>316</v>
      </c>
      <c r="D408" s="10" t="s">
        <v>642</v>
      </c>
    </row>
    <row r="409" spans="1:4" ht="15" x14ac:dyDescent="0.25">
      <c r="A409" s="2" t="s">
        <v>55</v>
      </c>
      <c r="B409" s="8">
        <v>5</v>
      </c>
      <c r="C409" s="10" t="s">
        <v>79</v>
      </c>
      <c r="D409" s="10" t="s">
        <v>643</v>
      </c>
    </row>
    <row r="410" spans="1:4" ht="13.35" customHeight="1" x14ac:dyDescent="0.25">
      <c r="A410" s="2" t="s">
        <v>55</v>
      </c>
      <c r="B410" s="8">
        <v>4</v>
      </c>
      <c r="C410" s="10" t="s">
        <v>138</v>
      </c>
      <c r="D410" s="10" t="s">
        <v>644</v>
      </c>
    </row>
    <row r="411" spans="1:4" ht="15" x14ac:dyDescent="0.25">
      <c r="A411" s="2" t="s">
        <v>55</v>
      </c>
      <c r="B411" s="8">
        <v>3</v>
      </c>
      <c r="C411" s="10" t="s">
        <v>367</v>
      </c>
      <c r="D411" s="10" t="s">
        <v>645</v>
      </c>
    </row>
    <row r="412" spans="1:4" ht="15" x14ac:dyDescent="0.25">
      <c r="A412" s="2" t="s">
        <v>55</v>
      </c>
      <c r="B412" s="8">
        <v>2</v>
      </c>
      <c r="C412" s="10" t="s">
        <v>82</v>
      </c>
      <c r="D412" s="12" t="s">
        <v>646</v>
      </c>
    </row>
    <row r="413" spans="1:4" ht="15" x14ac:dyDescent="0.25">
      <c r="A413" s="2" t="s">
        <v>55</v>
      </c>
      <c r="B413" s="8">
        <v>1</v>
      </c>
      <c r="C413" s="10" t="s">
        <v>211</v>
      </c>
      <c r="D413" s="10" t="s">
        <v>647</v>
      </c>
    </row>
    <row r="414" spans="1:4" ht="15" x14ac:dyDescent="0.25">
      <c r="A414" s="2" t="s">
        <v>33</v>
      </c>
      <c r="B414" s="8">
        <v>10</v>
      </c>
      <c r="C414" s="6"/>
      <c r="D414" s="7"/>
    </row>
    <row r="415" spans="1:4" ht="13.35" customHeight="1" x14ac:dyDescent="0.25">
      <c r="A415" s="2" t="s">
        <v>33</v>
      </c>
      <c r="B415" s="8">
        <v>9</v>
      </c>
      <c r="C415" s="10" t="s">
        <v>376</v>
      </c>
      <c r="D415" s="10" t="s">
        <v>377</v>
      </c>
    </row>
    <row r="416" spans="1:4" ht="14.25" customHeight="1" x14ac:dyDescent="0.25">
      <c r="A416" s="2" t="s">
        <v>33</v>
      </c>
      <c r="B416" s="8">
        <v>8</v>
      </c>
      <c r="C416" s="10" t="s">
        <v>207</v>
      </c>
      <c r="D416" s="10" t="s">
        <v>378</v>
      </c>
    </row>
    <row r="417" spans="1:4" ht="14.25" customHeight="1" x14ac:dyDescent="0.25">
      <c r="A417" s="2" t="s">
        <v>33</v>
      </c>
      <c r="B417" s="8">
        <v>7</v>
      </c>
      <c r="C417" s="10" t="s">
        <v>60</v>
      </c>
      <c r="D417" s="10" t="s">
        <v>379</v>
      </c>
    </row>
    <row r="418" spans="1:4" ht="14.25" customHeight="1" x14ac:dyDescent="0.25">
      <c r="A418" s="2" t="s">
        <v>33</v>
      </c>
      <c r="B418" s="8">
        <v>6</v>
      </c>
      <c r="C418" s="10" t="s">
        <v>380</v>
      </c>
      <c r="D418" s="10" t="s">
        <v>381</v>
      </c>
    </row>
    <row r="419" spans="1:4" ht="14.25" customHeight="1" x14ac:dyDescent="0.25">
      <c r="A419" s="2" t="s">
        <v>33</v>
      </c>
      <c r="B419" s="8">
        <v>5</v>
      </c>
      <c r="C419" s="10" t="s">
        <v>138</v>
      </c>
      <c r="D419" s="26" t="s">
        <v>382</v>
      </c>
    </row>
    <row r="420" spans="1:4" ht="14.25" customHeight="1" x14ac:dyDescent="0.25">
      <c r="A420" s="2" t="s">
        <v>33</v>
      </c>
      <c r="B420" s="8">
        <v>4</v>
      </c>
      <c r="C420" s="10" t="s">
        <v>186</v>
      </c>
      <c r="D420" s="10" t="s">
        <v>383</v>
      </c>
    </row>
    <row r="421" spans="1:4" ht="14.25" customHeight="1" x14ac:dyDescent="0.25">
      <c r="A421" s="2" t="s">
        <v>33</v>
      </c>
      <c r="B421" s="8">
        <v>3</v>
      </c>
      <c r="C421" s="10" t="s">
        <v>299</v>
      </c>
      <c r="D421" s="10" t="s">
        <v>384</v>
      </c>
    </row>
    <row r="422" spans="1:4" ht="14.25" customHeight="1" x14ac:dyDescent="0.25">
      <c r="A422" s="2" t="s">
        <v>33</v>
      </c>
      <c r="B422" s="8">
        <v>2</v>
      </c>
      <c r="C422" s="10" t="s">
        <v>234</v>
      </c>
      <c r="D422" s="10" t="s">
        <v>385</v>
      </c>
    </row>
    <row r="423" spans="1:4" ht="14.25" customHeight="1" x14ac:dyDescent="0.25">
      <c r="A423" s="2" t="s">
        <v>33</v>
      </c>
      <c r="B423" s="8">
        <v>1</v>
      </c>
      <c r="C423" s="10" t="s">
        <v>84</v>
      </c>
      <c r="D423" s="10" t="s">
        <v>386</v>
      </c>
    </row>
    <row r="424" spans="1:4" ht="14.25" customHeight="1" x14ac:dyDescent="0.25">
      <c r="A424" s="2" t="s">
        <v>34</v>
      </c>
      <c r="B424" s="8">
        <v>10</v>
      </c>
      <c r="C424" s="10" t="s">
        <v>86</v>
      </c>
      <c r="D424" s="28" t="s">
        <v>658</v>
      </c>
    </row>
    <row r="425" spans="1:4" ht="14.25" customHeight="1" x14ac:dyDescent="0.25">
      <c r="A425" s="2" t="s">
        <v>34</v>
      </c>
      <c r="B425" s="8">
        <v>9</v>
      </c>
      <c r="C425" s="10" t="s">
        <v>95</v>
      </c>
      <c r="D425" s="28" t="s">
        <v>659</v>
      </c>
    </row>
    <row r="426" spans="1:4" ht="14.25" customHeight="1" x14ac:dyDescent="0.25">
      <c r="A426" s="2" t="s">
        <v>34</v>
      </c>
      <c r="B426" s="8">
        <v>8</v>
      </c>
      <c r="C426" s="10" t="s">
        <v>376</v>
      </c>
      <c r="D426" s="28" t="s">
        <v>660</v>
      </c>
    </row>
    <row r="427" spans="1:4" ht="14.25" customHeight="1" x14ac:dyDescent="0.25">
      <c r="A427" s="2" t="s">
        <v>34</v>
      </c>
      <c r="B427" s="8">
        <v>7</v>
      </c>
      <c r="C427" s="10" t="s">
        <v>175</v>
      </c>
      <c r="D427" s="28" t="s">
        <v>661</v>
      </c>
    </row>
    <row r="428" spans="1:4" ht="14.25" customHeight="1" x14ac:dyDescent="0.25">
      <c r="A428" s="2" t="s">
        <v>34</v>
      </c>
      <c r="B428" s="8">
        <v>6</v>
      </c>
      <c r="C428" s="10" t="s">
        <v>286</v>
      </c>
      <c r="D428" s="13" t="s">
        <v>662</v>
      </c>
    </row>
    <row r="429" spans="1:4" ht="14.25" customHeight="1" x14ac:dyDescent="0.25">
      <c r="A429" s="2" t="s">
        <v>34</v>
      </c>
      <c r="B429" s="8">
        <v>5</v>
      </c>
      <c r="C429" s="10" t="s">
        <v>528</v>
      </c>
      <c r="D429" s="13" t="s">
        <v>663</v>
      </c>
    </row>
    <row r="430" spans="1:4" ht="14.25" customHeight="1" x14ac:dyDescent="0.25">
      <c r="A430" s="2" t="s">
        <v>34</v>
      </c>
      <c r="B430" s="8">
        <v>4</v>
      </c>
      <c r="C430" s="10" t="s">
        <v>61</v>
      </c>
      <c r="D430" s="28" t="s">
        <v>664</v>
      </c>
    </row>
    <row r="431" spans="1:4" ht="14.25" customHeight="1" x14ac:dyDescent="0.25">
      <c r="A431" s="2" t="s">
        <v>34</v>
      </c>
      <c r="B431" s="8">
        <v>3</v>
      </c>
      <c r="C431" s="10" t="s">
        <v>409</v>
      </c>
      <c r="D431" s="28" t="s">
        <v>665</v>
      </c>
    </row>
    <row r="432" spans="1:4" ht="14.25" customHeight="1" x14ac:dyDescent="0.25">
      <c r="A432" s="2" t="s">
        <v>34</v>
      </c>
      <c r="B432" s="8">
        <v>2</v>
      </c>
      <c r="C432" s="10" t="s">
        <v>69</v>
      </c>
      <c r="D432" s="28" t="s">
        <v>666</v>
      </c>
    </row>
    <row r="433" spans="1:4" ht="14.25" customHeight="1" x14ac:dyDescent="0.25">
      <c r="A433" s="2" t="s">
        <v>34</v>
      </c>
      <c r="B433" s="8">
        <v>1</v>
      </c>
      <c r="C433" s="10" t="s">
        <v>239</v>
      </c>
      <c r="D433" s="28" t="s">
        <v>667</v>
      </c>
    </row>
    <row r="434" spans="1:4" ht="14.25" customHeight="1" x14ac:dyDescent="0.25">
      <c r="A434" s="2" t="s">
        <v>18</v>
      </c>
      <c r="B434" s="8">
        <v>9</v>
      </c>
      <c r="C434" s="10" t="s">
        <v>449</v>
      </c>
      <c r="D434" s="10" t="s">
        <v>438</v>
      </c>
    </row>
    <row r="435" spans="1:4" ht="14.25" customHeight="1" x14ac:dyDescent="0.25">
      <c r="A435" s="2" t="s">
        <v>18</v>
      </c>
      <c r="B435" s="8">
        <v>8</v>
      </c>
      <c r="C435" s="10" t="s">
        <v>308</v>
      </c>
      <c r="D435" s="10" t="s">
        <v>439</v>
      </c>
    </row>
    <row r="436" spans="1:4" ht="14.25" customHeight="1" x14ac:dyDescent="0.25">
      <c r="A436" s="2" t="s">
        <v>18</v>
      </c>
      <c r="B436" s="8">
        <v>7</v>
      </c>
      <c r="C436" s="10" t="s">
        <v>92</v>
      </c>
      <c r="D436" s="10" t="s">
        <v>440</v>
      </c>
    </row>
    <row r="437" spans="1:4" ht="14.25" customHeight="1" x14ac:dyDescent="0.25">
      <c r="A437" s="2" t="s">
        <v>18</v>
      </c>
      <c r="B437" s="8">
        <v>6</v>
      </c>
      <c r="C437" s="16" t="s">
        <v>308</v>
      </c>
      <c r="D437" s="16" t="s">
        <v>441</v>
      </c>
    </row>
    <row r="438" spans="1:4" ht="14.25" customHeight="1" x14ac:dyDescent="0.25">
      <c r="A438" s="2" t="s">
        <v>18</v>
      </c>
      <c r="B438" s="8">
        <v>5</v>
      </c>
      <c r="C438" s="10" t="s">
        <v>274</v>
      </c>
      <c r="D438" s="10" t="s">
        <v>442</v>
      </c>
    </row>
    <row r="439" spans="1:4" ht="14.25" customHeight="1" x14ac:dyDescent="0.25">
      <c r="A439" s="2" t="s">
        <v>18</v>
      </c>
      <c r="B439" s="8">
        <v>4</v>
      </c>
      <c r="C439" s="10" t="s">
        <v>84</v>
      </c>
      <c r="D439" s="10" t="s">
        <v>443</v>
      </c>
    </row>
    <row r="440" spans="1:4" ht="14.25" customHeight="1" x14ac:dyDescent="0.25">
      <c r="A440" s="2" t="s">
        <v>18</v>
      </c>
      <c r="B440" s="8">
        <v>3</v>
      </c>
      <c r="C440" s="10" t="s">
        <v>128</v>
      </c>
      <c r="D440" s="10" t="s">
        <v>444</v>
      </c>
    </row>
    <row r="441" spans="1:4" ht="14.25" customHeight="1" x14ac:dyDescent="0.25">
      <c r="A441" s="2" t="s">
        <v>18</v>
      </c>
      <c r="B441" s="8">
        <v>2</v>
      </c>
      <c r="C441" s="10" t="s">
        <v>445</v>
      </c>
      <c r="D441" s="10" t="s">
        <v>446</v>
      </c>
    </row>
    <row r="442" spans="1:4" ht="14.25" customHeight="1" x14ac:dyDescent="0.25">
      <c r="A442" s="2" t="s">
        <v>18</v>
      </c>
      <c r="B442" s="8">
        <v>1</v>
      </c>
      <c r="C442" s="10" t="s">
        <v>447</v>
      </c>
      <c r="D442" s="10" t="s">
        <v>448</v>
      </c>
    </row>
    <row r="443" spans="1:4" ht="14.25" customHeight="1" x14ac:dyDescent="0.25">
      <c r="A443" s="2" t="s">
        <v>41</v>
      </c>
      <c r="B443" s="8">
        <v>10</v>
      </c>
      <c r="C443" s="10" t="s">
        <v>65</v>
      </c>
      <c r="D443" s="26" t="s">
        <v>474</v>
      </c>
    </row>
    <row r="444" spans="1:4" ht="14.25" customHeight="1" x14ac:dyDescent="0.25">
      <c r="A444" s="2" t="s">
        <v>41</v>
      </c>
      <c r="B444" s="8">
        <v>9</v>
      </c>
      <c r="C444" s="10" t="s">
        <v>239</v>
      </c>
      <c r="D444" s="12" t="s">
        <v>475</v>
      </c>
    </row>
    <row r="445" spans="1:4" ht="14.25" customHeight="1" x14ac:dyDescent="0.25">
      <c r="A445" s="2" t="s">
        <v>41</v>
      </c>
      <c r="B445" s="8">
        <v>8</v>
      </c>
      <c r="C445" s="10" t="s">
        <v>239</v>
      </c>
      <c r="D445" s="12" t="s">
        <v>476</v>
      </c>
    </row>
    <row r="446" spans="1:4" ht="14.25" customHeight="1" x14ac:dyDescent="0.25">
      <c r="A446" s="2" t="s">
        <v>41</v>
      </c>
      <c r="B446" s="8">
        <v>7</v>
      </c>
      <c r="C446" s="10" t="s">
        <v>256</v>
      </c>
      <c r="D446" s="12" t="s">
        <v>477</v>
      </c>
    </row>
    <row r="447" spans="1:4" ht="14.25" customHeight="1" x14ac:dyDescent="0.25">
      <c r="A447" s="2" t="s">
        <v>41</v>
      </c>
      <c r="B447" s="8">
        <v>6</v>
      </c>
      <c r="C447" s="10" t="s">
        <v>195</v>
      </c>
      <c r="D447" s="12" t="s">
        <v>478</v>
      </c>
    </row>
    <row r="448" spans="1:4" ht="14.25" customHeight="1" x14ac:dyDescent="0.25">
      <c r="A448" s="2" t="s">
        <v>41</v>
      </c>
      <c r="B448" s="8">
        <v>5</v>
      </c>
      <c r="C448" s="10" t="s">
        <v>224</v>
      </c>
      <c r="D448" s="12" t="s">
        <v>479</v>
      </c>
    </row>
    <row r="449" spans="1:4" ht="14.25" customHeight="1" x14ac:dyDescent="0.25">
      <c r="A449" s="2" t="s">
        <v>41</v>
      </c>
      <c r="B449" s="8">
        <v>4</v>
      </c>
      <c r="C449" s="10" t="s">
        <v>138</v>
      </c>
      <c r="D449" s="12" t="s">
        <v>480</v>
      </c>
    </row>
    <row r="450" spans="1:4" ht="14.25" customHeight="1" x14ac:dyDescent="0.25">
      <c r="A450" s="2" t="s">
        <v>41</v>
      </c>
      <c r="B450" s="8">
        <v>3</v>
      </c>
      <c r="C450" s="10" t="s">
        <v>256</v>
      </c>
      <c r="D450" s="11" t="s">
        <v>481</v>
      </c>
    </row>
    <row r="451" spans="1:4" ht="14.25" customHeight="1" x14ac:dyDescent="0.25">
      <c r="A451" s="2" t="s">
        <v>41</v>
      </c>
      <c r="B451" s="8">
        <v>2</v>
      </c>
      <c r="C451" s="10" t="s">
        <v>61</v>
      </c>
      <c r="D451" s="11" t="s">
        <v>482</v>
      </c>
    </row>
    <row r="452" spans="1:4" ht="14.25" customHeight="1" x14ac:dyDescent="0.25">
      <c r="A452" s="2" t="s">
        <v>41</v>
      </c>
      <c r="B452" s="8">
        <v>1</v>
      </c>
      <c r="C452" s="10" t="s">
        <v>483</v>
      </c>
      <c r="D452" s="12" t="s">
        <v>484</v>
      </c>
    </row>
    <row r="453" spans="1:4" ht="15" x14ac:dyDescent="0.25">
      <c r="A453" s="2" t="s">
        <v>19</v>
      </c>
      <c r="B453" s="8">
        <v>8</v>
      </c>
      <c r="C453" s="10" t="s">
        <v>409</v>
      </c>
      <c r="D453" s="10" t="s">
        <v>523</v>
      </c>
    </row>
    <row r="454" spans="1:4" ht="15" x14ac:dyDescent="0.25">
      <c r="A454" s="2" t="s">
        <v>19</v>
      </c>
      <c r="B454" s="8">
        <v>7</v>
      </c>
      <c r="C454" s="10" t="s">
        <v>73</v>
      </c>
      <c r="D454" s="10" t="s">
        <v>524</v>
      </c>
    </row>
    <row r="455" spans="1:4" ht="15" x14ac:dyDescent="0.25">
      <c r="A455" s="2" t="s">
        <v>19</v>
      </c>
      <c r="B455" s="8">
        <v>6</v>
      </c>
      <c r="C455" s="10" t="s">
        <v>525</v>
      </c>
      <c r="D455" s="10" t="s">
        <v>526</v>
      </c>
    </row>
    <row r="456" spans="1:4" ht="15" x14ac:dyDescent="0.25">
      <c r="A456" s="2" t="s">
        <v>19</v>
      </c>
      <c r="B456" s="8">
        <v>5</v>
      </c>
      <c r="C456" s="10" t="s">
        <v>86</v>
      </c>
      <c r="D456" s="10" t="s">
        <v>527</v>
      </c>
    </row>
    <row r="457" spans="1:4" ht="15" x14ac:dyDescent="0.25">
      <c r="A457" s="2" t="s">
        <v>19</v>
      </c>
      <c r="B457" s="8">
        <v>4</v>
      </c>
      <c r="C457" s="10" t="s">
        <v>528</v>
      </c>
      <c r="D457" s="10" t="s">
        <v>529</v>
      </c>
    </row>
    <row r="458" spans="1:4" ht="15" x14ac:dyDescent="0.25">
      <c r="A458" s="2" t="s">
        <v>19</v>
      </c>
      <c r="B458" s="8">
        <v>3</v>
      </c>
      <c r="C458" s="10" t="s">
        <v>218</v>
      </c>
      <c r="D458" s="10" t="s">
        <v>530</v>
      </c>
    </row>
    <row r="459" spans="1:4" ht="15" x14ac:dyDescent="0.25">
      <c r="A459" s="2" t="s">
        <v>19</v>
      </c>
      <c r="B459" s="8">
        <v>2</v>
      </c>
      <c r="C459" s="10" t="s">
        <v>445</v>
      </c>
      <c r="D459" s="10" t="s">
        <v>531</v>
      </c>
    </row>
    <row r="460" spans="1:4" ht="15" x14ac:dyDescent="0.25">
      <c r="A460" s="2" t="s">
        <v>19</v>
      </c>
      <c r="B460" s="8">
        <v>1</v>
      </c>
      <c r="C460" s="10" t="s">
        <v>84</v>
      </c>
      <c r="D460" s="10" t="s">
        <v>532</v>
      </c>
    </row>
    <row r="461" spans="1:4" ht="15" x14ac:dyDescent="0.25">
      <c r="A461" s="2" t="s">
        <v>24</v>
      </c>
      <c r="B461" s="8">
        <v>10</v>
      </c>
      <c r="C461" s="10" t="s">
        <v>355</v>
      </c>
      <c r="D461" s="13" t="s">
        <v>585</v>
      </c>
    </row>
    <row r="462" spans="1:4" ht="15" x14ac:dyDescent="0.25">
      <c r="A462" s="2" t="s">
        <v>24</v>
      </c>
      <c r="B462" s="8">
        <v>9</v>
      </c>
      <c r="C462" s="10" t="s">
        <v>75</v>
      </c>
      <c r="D462" s="28" t="s">
        <v>586</v>
      </c>
    </row>
    <row r="463" spans="1:4" ht="14.25" customHeight="1" x14ac:dyDescent="0.25">
      <c r="A463" s="2" t="s">
        <v>24</v>
      </c>
      <c r="B463" s="8">
        <v>8</v>
      </c>
      <c r="C463" s="10" t="s">
        <v>71</v>
      </c>
      <c r="D463" s="13" t="s">
        <v>587</v>
      </c>
    </row>
    <row r="464" spans="1:4" ht="14.25" customHeight="1" x14ac:dyDescent="0.25">
      <c r="A464" s="2" t="s">
        <v>24</v>
      </c>
      <c r="B464" s="8">
        <v>7</v>
      </c>
      <c r="C464" s="10" t="s">
        <v>372</v>
      </c>
      <c r="D464" s="28" t="s">
        <v>588</v>
      </c>
    </row>
    <row r="465" spans="1:4" ht="14.25" customHeight="1" x14ac:dyDescent="0.25">
      <c r="A465" s="2" t="s">
        <v>24</v>
      </c>
      <c r="B465" s="8">
        <v>6</v>
      </c>
      <c r="C465" s="10" t="s">
        <v>286</v>
      </c>
      <c r="D465" s="28" t="s">
        <v>589</v>
      </c>
    </row>
    <row r="466" spans="1:4" ht="14.25" customHeight="1" x14ac:dyDescent="0.25">
      <c r="A466" s="2" t="s">
        <v>24</v>
      </c>
      <c r="B466" s="8">
        <v>5</v>
      </c>
      <c r="C466" s="10" t="s">
        <v>125</v>
      </c>
      <c r="D466" s="28" t="s">
        <v>590</v>
      </c>
    </row>
    <row r="467" spans="1:4" ht="14.25" customHeight="1" x14ac:dyDescent="0.25">
      <c r="A467" s="2" t="s">
        <v>24</v>
      </c>
      <c r="B467" s="8">
        <v>4</v>
      </c>
      <c r="C467" s="10" t="s">
        <v>82</v>
      </c>
      <c r="D467" s="28" t="s">
        <v>591</v>
      </c>
    </row>
    <row r="468" spans="1:4" ht="14.25" customHeight="1" x14ac:dyDescent="0.25">
      <c r="A468" s="2" t="s">
        <v>24</v>
      </c>
      <c r="B468" s="8">
        <v>3</v>
      </c>
      <c r="C468" s="10" t="s">
        <v>286</v>
      </c>
      <c r="D468" s="28" t="s">
        <v>592</v>
      </c>
    </row>
    <row r="469" spans="1:4" ht="14.25" customHeight="1" x14ac:dyDescent="0.25">
      <c r="A469" s="2" t="s">
        <v>24</v>
      </c>
      <c r="B469" s="8">
        <v>2</v>
      </c>
      <c r="C469" s="10" t="s">
        <v>239</v>
      </c>
      <c r="D469" s="13" t="s">
        <v>593</v>
      </c>
    </row>
    <row r="470" spans="1:4" ht="14.25" customHeight="1" x14ac:dyDescent="0.25">
      <c r="A470" s="2" t="s">
        <v>24</v>
      </c>
      <c r="B470" s="8">
        <v>1</v>
      </c>
      <c r="C470" s="10" t="s">
        <v>140</v>
      </c>
      <c r="D470" s="28" t="s">
        <v>594</v>
      </c>
    </row>
    <row r="471" spans="1:4" ht="14.25" customHeight="1" x14ac:dyDescent="0.25">
      <c r="A471" s="2" t="s">
        <v>25</v>
      </c>
      <c r="B471" s="8">
        <v>10</v>
      </c>
      <c r="C471" s="10" t="s">
        <v>60</v>
      </c>
      <c r="D471" s="10"/>
    </row>
    <row r="472" spans="1:4" ht="14.25" customHeight="1" x14ac:dyDescent="0.25">
      <c r="A472" s="2" t="s">
        <v>25</v>
      </c>
      <c r="B472" s="8">
        <v>9</v>
      </c>
      <c r="C472" s="10" t="s">
        <v>61</v>
      </c>
      <c r="D472" s="10" t="s">
        <v>62</v>
      </c>
    </row>
    <row r="473" spans="1:4" ht="15" x14ac:dyDescent="0.25">
      <c r="A473" s="2" t="s">
        <v>25</v>
      </c>
      <c r="B473" s="8">
        <v>8</v>
      </c>
      <c r="C473" s="10" t="s">
        <v>63</v>
      </c>
      <c r="D473" s="10" t="s">
        <v>64</v>
      </c>
    </row>
    <row r="474" spans="1:4" ht="15" x14ac:dyDescent="0.25">
      <c r="A474" s="2" t="s">
        <v>25</v>
      </c>
      <c r="B474" s="8">
        <v>7</v>
      </c>
      <c r="C474" s="10" t="s">
        <v>65</v>
      </c>
      <c r="D474" s="10" t="s">
        <v>66</v>
      </c>
    </row>
    <row r="475" spans="1:4" ht="15" x14ac:dyDescent="0.25">
      <c r="A475" s="2" t="s">
        <v>25</v>
      </c>
      <c r="B475" s="8">
        <v>6</v>
      </c>
      <c r="C475" s="10" t="s">
        <v>67</v>
      </c>
      <c r="D475" s="10" t="s">
        <v>68</v>
      </c>
    </row>
    <row r="476" spans="1:4" ht="15" x14ac:dyDescent="0.25">
      <c r="A476" s="2" t="s">
        <v>25</v>
      </c>
      <c r="B476" s="8">
        <v>5</v>
      </c>
      <c r="C476" s="10" t="s">
        <v>69</v>
      </c>
      <c r="D476" s="10" t="s">
        <v>70</v>
      </c>
    </row>
    <row r="477" spans="1:4" ht="15" x14ac:dyDescent="0.25">
      <c r="A477" s="2" t="s">
        <v>25</v>
      </c>
      <c r="B477" s="8">
        <v>4</v>
      </c>
      <c r="C477" s="10" t="s">
        <v>71</v>
      </c>
      <c r="D477" s="10" t="s">
        <v>72</v>
      </c>
    </row>
    <row r="478" spans="1:4" ht="15" x14ac:dyDescent="0.25">
      <c r="A478" s="2" t="s">
        <v>25</v>
      </c>
      <c r="B478" s="8">
        <v>3</v>
      </c>
      <c r="C478" s="10" t="s">
        <v>73</v>
      </c>
      <c r="D478" s="10" t="s">
        <v>74</v>
      </c>
    </row>
    <row r="479" spans="1:4" ht="15" x14ac:dyDescent="0.25">
      <c r="A479" s="2" t="s">
        <v>25</v>
      </c>
      <c r="B479" s="8">
        <v>2</v>
      </c>
      <c r="C479" s="10" t="s">
        <v>75</v>
      </c>
      <c r="D479" s="10" t="s">
        <v>76</v>
      </c>
    </row>
    <row r="480" spans="1:4" ht="15" x14ac:dyDescent="0.25">
      <c r="A480" s="2" t="s">
        <v>25</v>
      </c>
      <c r="B480" s="8">
        <v>1</v>
      </c>
      <c r="C480" s="10" t="s">
        <v>77</v>
      </c>
      <c r="D480" s="10" t="s">
        <v>78</v>
      </c>
    </row>
    <row r="481" spans="1:4" ht="15" x14ac:dyDescent="0.25">
      <c r="A481" s="2" t="s">
        <v>56</v>
      </c>
      <c r="B481" s="8">
        <v>10</v>
      </c>
      <c r="C481" s="10" t="s">
        <v>559</v>
      </c>
      <c r="D481" s="10" t="s">
        <v>627</v>
      </c>
    </row>
    <row r="482" spans="1:4" ht="15" x14ac:dyDescent="0.25">
      <c r="A482" s="2" t="s">
        <v>56</v>
      </c>
      <c r="B482" s="8">
        <v>9</v>
      </c>
      <c r="C482" s="10" t="s">
        <v>299</v>
      </c>
      <c r="D482" s="26" t="s">
        <v>628</v>
      </c>
    </row>
    <row r="483" spans="1:4" ht="15" x14ac:dyDescent="0.25">
      <c r="A483" s="2" t="s">
        <v>56</v>
      </c>
      <c r="B483" s="8">
        <v>8</v>
      </c>
      <c r="C483" s="10" t="s">
        <v>207</v>
      </c>
      <c r="D483" s="10" t="s">
        <v>629</v>
      </c>
    </row>
    <row r="484" spans="1:4" ht="15" x14ac:dyDescent="0.25">
      <c r="A484" s="2" t="s">
        <v>56</v>
      </c>
      <c r="B484" s="8">
        <v>7</v>
      </c>
      <c r="C484" s="10" t="s">
        <v>630</v>
      </c>
      <c r="D484" s="10" t="s">
        <v>631</v>
      </c>
    </row>
    <row r="485" spans="1:4" ht="15" x14ac:dyDescent="0.25">
      <c r="A485" s="2" t="s">
        <v>56</v>
      </c>
      <c r="B485" s="8">
        <v>6</v>
      </c>
      <c r="C485" s="10" t="s">
        <v>69</v>
      </c>
      <c r="D485" s="10" t="s">
        <v>632</v>
      </c>
    </row>
    <row r="486" spans="1:4" ht="15" x14ac:dyDescent="0.25">
      <c r="A486" s="2" t="s">
        <v>56</v>
      </c>
      <c r="B486" s="8">
        <v>5</v>
      </c>
      <c r="C486" s="10" t="s">
        <v>445</v>
      </c>
      <c r="D486" s="10" t="s">
        <v>633</v>
      </c>
    </row>
    <row r="487" spans="1:4" ht="15" x14ac:dyDescent="0.25">
      <c r="A487" s="2" t="s">
        <v>56</v>
      </c>
      <c r="B487" s="8">
        <v>4</v>
      </c>
      <c r="C487" s="10" t="s">
        <v>193</v>
      </c>
      <c r="D487" s="10" t="s">
        <v>634</v>
      </c>
    </row>
    <row r="488" spans="1:4" ht="15" x14ac:dyDescent="0.25">
      <c r="A488" s="2" t="s">
        <v>56</v>
      </c>
      <c r="B488" s="8">
        <v>3</v>
      </c>
      <c r="C488" s="10" t="s">
        <v>75</v>
      </c>
      <c r="D488" s="26" t="s">
        <v>635</v>
      </c>
    </row>
    <row r="489" spans="1:4" ht="15" x14ac:dyDescent="0.25">
      <c r="A489" s="2" t="s">
        <v>56</v>
      </c>
      <c r="B489" s="8">
        <v>2</v>
      </c>
      <c r="C489" s="10" t="s">
        <v>274</v>
      </c>
      <c r="D489" s="10" t="s">
        <v>636</v>
      </c>
    </row>
    <row r="490" spans="1:4" ht="15" x14ac:dyDescent="0.25">
      <c r="A490" s="2" t="s">
        <v>56</v>
      </c>
      <c r="B490" s="8">
        <v>1</v>
      </c>
      <c r="C490" s="10" t="s">
        <v>316</v>
      </c>
      <c r="D490" s="10" t="s">
        <v>637</v>
      </c>
    </row>
    <row r="491" spans="1:4" ht="15" x14ac:dyDescent="0.25">
      <c r="A491" s="2" t="s">
        <v>26</v>
      </c>
      <c r="B491" s="8">
        <v>10</v>
      </c>
      <c r="C491" s="10" t="s">
        <v>105</v>
      </c>
      <c r="D491" s="10" t="s">
        <v>701</v>
      </c>
    </row>
    <row r="492" spans="1:4" ht="15" x14ac:dyDescent="0.25">
      <c r="A492" s="2" t="s">
        <v>26</v>
      </c>
      <c r="B492" s="8">
        <v>9</v>
      </c>
      <c r="C492" s="10" t="s">
        <v>138</v>
      </c>
      <c r="D492" s="10" t="s">
        <v>702</v>
      </c>
    </row>
    <row r="493" spans="1:4" ht="14.25" customHeight="1" x14ac:dyDescent="0.25">
      <c r="A493" s="2" t="s">
        <v>26</v>
      </c>
      <c r="B493" s="8">
        <v>8</v>
      </c>
      <c r="C493" s="10" t="s">
        <v>269</v>
      </c>
      <c r="D493" s="10" t="s">
        <v>703</v>
      </c>
    </row>
    <row r="494" spans="1:4" ht="14.25" customHeight="1" x14ac:dyDescent="0.25">
      <c r="A494" s="2" t="s">
        <v>26</v>
      </c>
      <c r="B494" s="8">
        <v>7</v>
      </c>
      <c r="C494" s="10" t="s">
        <v>145</v>
      </c>
      <c r="D494" s="10" t="s">
        <v>704</v>
      </c>
    </row>
    <row r="495" spans="1:4" ht="14.25" customHeight="1" x14ac:dyDescent="0.25">
      <c r="A495" s="2" t="s">
        <v>26</v>
      </c>
      <c r="B495" s="8">
        <v>6</v>
      </c>
      <c r="C495" s="10" t="s">
        <v>75</v>
      </c>
      <c r="D495" s="10" t="s">
        <v>705</v>
      </c>
    </row>
    <row r="496" spans="1:4" ht="14.25" customHeight="1" x14ac:dyDescent="0.25">
      <c r="A496" s="2" t="s">
        <v>26</v>
      </c>
      <c r="B496" s="8">
        <v>5</v>
      </c>
      <c r="C496" s="10" t="s">
        <v>60</v>
      </c>
      <c r="D496" s="10" t="s">
        <v>706</v>
      </c>
    </row>
    <row r="497" spans="1:4" ht="14.25" customHeight="1" x14ac:dyDescent="0.25">
      <c r="A497" s="2" t="s">
        <v>26</v>
      </c>
      <c r="B497" s="8">
        <v>4</v>
      </c>
      <c r="C497" s="10" t="s">
        <v>316</v>
      </c>
      <c r="D497" s="10" t="s">
        <v>707</v>
      </c>
    </row>
    <row r="498" spans="1:4" ht="14.25" customHeight="1" x14ac:dyDescent="0.25">
      <c r="A498" s="2" t="s">
        <v>26</v>
      </c>
      <c r="B498" s="8">
        <v>3</v>
      </c>
      <c r="C498" s="10" t="s">
        <v>274</v>
      </c>
      <c r="D498" s="10" t="s">
        <v>708</v>
      </c>
    </row>
    <row r="499" spans="1:4" ht="14.25" customHeight="1" x14ac:dyDescent="0.25">
      <c r="A499" s="2" t="s">
        <v>26</v>
      </c>
      <c r="B499" s="8">
        <v>2</v>
      </c>
      <c r="C499" s="10" t="s">
        <v>274</v>
      </c>
      <c r="D499" s="10" t="s">
        <v>709</v>
      </c>
    </row>
    <row r="500" spans="1:4" ht="14.25" customHeight="1" x14ac:dyDescent="0.25">
      <c r="A500" s="2" t="s">
        <v>26</v>
      </c>
      <c r="B500" s="8">
        <v>1</v>
      </c>
      <c r="C500" s="10" t="s">
        <v>103</v>
      </c>
      <c r="D500" s="10" t="s">
        <v>710</v>
      </c>
    </row>
    <row r="501" spans="1:4" ht="14.25" customHeight="1" x14ac:dyDescent="0.25">
      <c r="A501" s="2" t="s">
        <v>38</v>
      </c>
      <c r="B501" s="8">
        <v>10</v>
      </c>
      <c r="C501" s="10" t="s">
        <v>84</v>
      </c>
      <c r="D501" s="10" t="s">
        <v>565</v>
      </c>
    </row>
    <row r="502" spans="1:4" ht="14.25" customHeight="1" x14ac:dyDescent="0.25">
      <c r="A502" s="2" t="s">
        <v>38</v>
      </c>
      <c r="B502" s="8">
        <v>9</v>
      </c>
      <c r="C502" s="10" t="s">
        <v>211</v>
      </c>
      <c r="D502" s="10" t="s">
        <v>566</v>
      </c>
    </row>
    <row r="503" spans="1:4" ht="14.25" customHeight="1" x14ac:dyDescent="0.25">
      <c r="A503" s="2" t="s">
        <v>38</v>
      </c>
      <c r="B503" s="8">
        <v>8</v>
      </c>
      <c r="C503" s="10" t="s">
        <v>195</v>
      </c>
      <c r="D503" s="10" t="s">
        <v>567</v>
      </c>
    </row>
    <row r="504" spans="1:4" ht="14.25" customHeight="1" x14ac:dyDescent="0.25">
      <c r="A504" s="2" t="s">
        <v>38</v>
      </c>
      <c r="B504" s="8">
        <v>7</v>
      </c>
      <c r="C504" s="10" t="s">
        <v>61</v>
      </c>
      <c r="D504" s="26" t="s">
        <v>568</v>
      </c>
    </row>
    <row r="505" spans="1:4" ht="14.25" customHeight="1" x14ac:dyDescent="0.25">
      <c r="A505" s="2" t="s">
        <v>38</v>
      </c>
      <c r="B505" s="8">
        <v>6</v>
      </c>
      <c r="C505" s="10" t="s">
        <v>77</v>
      </c>
      <c r="D505" s="10" t="s">
        <v>569</v>
      </c>
    </row>
    <row r="506" spans="1:4" ht="14.25" customHeight="1" x14ac:dyDescent="0.25">
      <c r="A506" s="2" t="s">
        <v>38</v>
      </c>
      <c r="B506" s="8">
        <v>5</v>
      </c>
      <c r="C506" s="16" t="s">
        <v>75</v>
      </c>
      <c r="D506" s="16" t="s">
        <v>570</v>
      </c>
    </row>
    <row r="507" spans="1:4" ht="15" x14ac:dyDescent="0.25">
      <c r="A507" s="2" t="s">
        <v>38</v>
      </c>
      <c r="B507" s="8">
        <v>4</v>
      </c>
      <c r="C507" s="10" t="s">
        <v>218</v>
      </c>
      <c r="D507" s="10" t="s">
        <v>571</v>
      </c>
    </row>
    <row r="508" spans="1:4" ht="14.25" customHeight="1" x14ac:dyDescent="0.25">
      <c r="A508" s="2" t="s">
        <v>38</v>
      </c>
      <c r="B508" s="8">
        <v>3</v>
      </c>
      <c r="C508" s="10" t="s">
        <v>130</v>
      </c>
      <c r="D508" s="10" t="s">
        <v>572</v>
      </c>
    </row>
    <row r="509" spans="1:4" ht="14.25" customHeight="1" x14ac:dyDescent="0.25">
      <c r="A509" s="2" t="s">
        <v>38</v>
      </c>
      <c r="B509" s="8">
        <v>2</v>
      </c>
      <c r="C509" s="10" t="s">
        <v>195</v>
      </c>
      <c r="D509" s="10" t="s">
        <v>573</v>
      </c>
    </row>
    <row r="510" spans="1:4" ht="14.25" customHeight="1" x14ac:dyDescent="0.25">
      <c r="A510" s="2" t="s">
        <v>38</v>
      </c>
      <c r="B510" s="8">
        <v>1</v>
      </c>
      <c r="C510" s="10" t="s">
        <v>445</v>
      </c>
      <c r="D510" s="10" t="s">
        <v>574</v>
      </c>
    </row>
    <row r="511" spans="1:4" ht="15" x14ac:dyDescent="0.25">
      <c r="A511" s="2" t="s">
        <v>57</v>
      </c>
      <c r="B511" s="8">
        <v>9</v>
      </c>
      <c r="C511" s="10" t="s">
        <v>63</v>
      </c>
      <c r="D511" s="10" t="s">
        <v>720</v>
      </c>
    </row>
    <row r="512" spans="1:4" ht="14.25" customHeight="1" x14ac:dyDescent="0.25">
      <c r="A512" s="2" t="s">
        <v>57</v>
      </c>
      <c r="B512" s="8">
        <v>8</v>
      </c>
      <c r="C512" s="10" t="s">
        <v>209</v>
      </c>
      <c r="D512" s="10" t="s">
        <v>721</v>
      </c>
    </row>
    <row r="513" spans="1:4" ht="14.25" customHeight="1" x14ac:dyDescent="0.25">
      <c r="A513" s="2" t="s">
        <v>57</v>
      </c>
      <c r="B513" s="8">
        <v>7</v>
      </c>
      <c r="C513" s="10" t="s">
        <v>75</v>
      </c>
      <c r="D513" s="10" t="s">
        <v>722</v>
      </c>
    </row>
    <row r="514" spans="1:4" ht="14.25" customHeight="1" x14ac:dyDescent="0.25">
      <c r="A514" s="2" t="s">
        <v>57</v>
      </c>
      <c r="B514" s="8">
        <v>6</v>
      </c>
      <c r="C514" s="10" t="s">
        <v>92</v>
      </c>
      <c r="D514" s="10" t="s">
        <v>723</v>
      </c>
    </row>
    <row r="515" spans="1:4" ht="14.25" customHeight="1" x14ac:dyDescent="0.25">
      <c r="A515" s="2" t="s">
        <v>57</v>
      </c>
      <c r="B515" s="8">
        <v>5</v>
      </c>
      <c r="C515" s="10" t="s">
        <v>511</v>
      </c>
      <c r="D515" s="10" t="s">
        <v>724</v>
      </c>
    </row>
    <row r="516" spans="1:4" ht="14.25" customHeight="1" x14ac:dyDescent="0.25">
      <c r="A516" s="2" t="s">
        <v>57</v>
      </c>
      <c r="B516" s="8">
        <v>4</v>
      </c>
      <c r="C516" s="10" t="s">
        <v>367</v>
      </c>
      <c r="D516" s="10" t="s">
        <v>725</v>
      </c>
    </row>
    <row r="517" spans="1:4" ht="14.25" customHeight="1" x14ac:dyDescent="0.25">
      <c r="A517" s="2" t="s">
        <v>57</v>
      </c>
      <c r="B517" s="8">
        <v>3</v>
      </c>
      <c r="C517" s="10" t="s">
        <v>84</v>
      </c>
      <c r="D517" s="10" t="s">
        <v>726</v>
      </c>
    </row>
    <row r="518" spans="1:4" ht="14.25" customHeight="1" x14ac:dyDescent="0.25">
      <c r="A518" s="2" t="s">
        <v>57</v>
      </c>
      <c r="B518" s="8">
        <v>2</v>
      </c>
      <c r="C518" s="10" t="s">
        <v>103</v>
      </c>
      <c r="D518" s="26" t="s">
        <v>727</v>
      </c>
    </row>
    <row r="519" spans="1:4" ht="14.25" customHeight="1" x14ac:dyDescent="0.25">
      <c r="A519" s="2" t="s">
        <v>57</v>
      </c>
      <c r="B519" s="8">
        <v>1</v>
      </c>
      <c r="C519" s="10" t="s">
        <v>728</v>
      </c>
      <c r="D519" s="10" t="s">
        <v>729</v>
      </c>
    </row>
    <row r="520" spans="1:4" ht="14.25" customHeight="1" x14ac:dyDescent="0.2">
      <c r="A520" s="2" t="s">
        <v>32</v>
      </c>
      <c r="B520" s="8">
        <v>10</v>
      </c>
      <c r="C520" t="s">
        <v>60</v>
      </c>
      <c r="D520" t="s">
        <v>668</v>
      </c>
    </row>
    <row r="521" spans="1:4" ht="14.25" customHeight="1" x14ac:dyDescent="0.2">
      <c r="A521" s="2" t="s">
        <v>32</v>
      </c>
      <c r="B521" s="8">
        <v>9</v>
      </c>
      <c r="C521" t="s">
        <v>228</v>
      </c>
      <c r="D521" t="s">
        <v>669</v>
      </c>
    </row>
    <row r="522" spans="1:4" ht="14.25" customHeight="1" x14ac:dyDescent="0.2">
      <c r="A522" s="2" t="s">
        <v>32</v>
      </c>
      <c r="B522" s="8">
        <v>8</v>
      </c>
      <c r="C522" t="s">
        <v>79</v>
      </c>
      <c r="D522" t="s">
        <v>670</v>
      </c>
    </row>
    <row r="523" spans="1:4" ht="14.25" customHeight="1" x14ac:dyDescent="0.2">
      <c r="A523" s="2" t="s">
        <v>32</v>
      </c>
      <c r="B523" s="8">
        <v>7</v>
      </c>
      <c r="C523" t="s">
        <v>671</v>
      </c>
      <c r="D523" t="s">
        <v>672</v>
      </c>
    </row>
    <row r="524" spans="1:4" ht="14.25" customHeight="1" x14ac:dyDescent="0.2">
      <c r="A524" s="2" t="s">
        <v>32</v>
      </c>
      <c r="B524" s="8">
        <v>6</v>
      </c>
      <c r="C524" t="s">
        <v>673</v>
      </c>
      <c r="D524" t="s">
        <v>674</v>
      </c>
    </row>
    <row r="525" spans="1:4" ht="14.25" customHeight="1" x14ac:dyDescent="0.2">
      <c r="A525" s="2" t="s">
        <v>32</v>
      </c>
      <c r="B525" s="8">
        <v>5</v>
      </c>
      <c r="C525" t="s">
        <v>675</v>
      </c>
      <c r="D525" t="s">
        <v>676</v>
      </c>
    </row>
    <row r="526" spans="1:4" ht="14.25" customHeight="1" x14ac:dyDescent="0.2">
      <c r="A526" s="2" t="s">
        <v>32</v>
      </c>
      <c r="B526" s="8">
        <v>4</v>
      </c>
      <c r="C526" t="s">
        <v>239</v>
      </c>
      <c r="D526" t="s">
        <v>677</v>
      </c>
    </row>
    <row r="527" spans="1:4" ht="14.25" customHeight="1" x14ac:dyDescent="0.2">
      <c r="A527" s="2" t="s">
        <v>32</v>
      </c>
      <c r="B527" s="8">
        <v>3</v>
      </c>
      <c r="C527" t="s">
        <v>117</v>
      </c>
      <c r="D527" t="s">
        <v>678</v>
      </c>
    </row>
    <row r="528" spans="1:4" ht="14.25" customHeight="1" x14ac:dyDescent="0.2">
      <c r="A528" s="2" t="s">
        <v>32</v>
      </c>
      <c r="B528" s="8">
        <v>2</v>
      </c>
      <c r="C528" t="s">
        <v>105</v>
      </c>
      <c r="D528" t="s">
        <v>679</v>
      </c>
    </row>
    <row r="529" spans="1:4" ht="14.25" customHeight="1" x14ac:dyDescent="0.2">
      <c r="A529" s="2" t="s">
        <v>32</v>
      </c>
      <c r="B529" s="8">
        <v>1</v>
      </c>
      <c r="C529" t="s">
        <v>73</v>
      </c>
      <c r="D529" t="s">
        <v>680</v>
      </c>
    </row>
    <row r="530" spans="1:4" ht="14.25" customHeight="1" x14ac:dyDescent="0.25">
      <c r="A530" s="2" t="s">
        <v>28</v>
      </c>
      <c r="B530" s="8">
        <v>10</v>
      </c>
      <c r="C530" s="10" t="s">
        <v>528</v>
      </c>
      <c r="D530" s="10" t="s">
        <v>691</v>
      </c>
    </row>
    <row r="531" spans="1:4" ht="14.25" customHeight="1" x14ac:dyDescent="0.25">
      <c r="A531" s="2" t="s">
        <v>28</v>
      </c>
      <c r="B531" s="8">
        <v>9</v>
      </c>
      <c r="C531" s="10" t="s">
        <v>60</v>
      </c>
      <c r="D531" s="10" t="s">
        <v>692</v>
      </c>
    </row>
    <row r="532" spans="1:4" ht="14.25" customHeight="1" x14ac:dyDescent="0.25">
      <c r="A532" s="2" t="s">
        <v>28</v>
      </c>
      <c r="B532" s="8">
        <v>8</v>
      </c>
      <c r="C532" s="10" t="s">
        <v>199</v>
      </c>
      <c r="D532" s="10" t="s">
        <v>693</v>
      </c>
    </row>
    <row r="533" spans="1:4" ht="14.25" customHeight="1" x14ac:dyDescent="0.2">
      <c r="A533" s="2" t="s">
        <v>28</v>
      </c>
      <c r="B533" s="8">
        <v>7</v>
      </c>
      <c r="C533" s="11" t="s">
        <v>65</v>
      </c>
      <c r="D533" s="11" t="s">
        <v>694</v>
      </c>
    </row>
    <row r="534" spans="1:4" ht="14.25" customHeight="1" x14ac:dyDescent="0.25">
      <c r="A534" s="2" t="s">
        <v>28</v>
      </c>
      <c r="B534" s="8">
        <v>6</v>
      </c>
      <c r="C534" s="10" t="s">
        <v>111</v>
      </c>
      <c r="D534" s="10" t="s">
        <v>695</v>
      </c>
    </row>
    <row r="535" spans="1:4" ht="14.25" customHeight="1" x14ac:dyDescent="0.25">
      <c r="A535" s="2" t="s">
        <v>28</v>
      </c>
      <c r="B535" s="8">
        <v>5</v>
      </c>
      <c r="C535" s="10" t="s">
        <v>73</v>
      </c>
      <c r="D535" s="10" t="s">
        <v>696</v>
      </c>
    </row>
    <row r="536" spans="1:4" ht="14.25" customHeight="1" x14ac:dyDescent="0.25">
      <c r="A536" s="2" t="s">
        <v>28</v>
      </c>
      <c r="B536" s="8">
        <v>4</v>
      </c>
      <c r="C536" s="10" t="s">
        <v>179</v>
      </c>
      <c r="D536" s="10" t="s">
        <v>697</v>
      </c>
    </row>
    <row r="537" spans="1:4" ht="14.25" customHeight="1" x14ac:dyDescent="0.25">
      <c r="A537" s="2" t="s">
        <v>28</v>
      </c>
      <c r="B537" s="8">
        <v>3</v>
      </c>
      <c r="C537" s="10" t="s">
        <v>75</v>
      </c>
      <c r="D537" s="10" t="s">
        <v>698</v>
      </c>
    </row>
    <row r="538" spans="1:4" ht="14.25" customHeight="1" x14ac:dyDescent="0.25">
      <c r="A538" s="2" t="s">
        <v>28</v>
      </c>
      <c r="B538" s="8">
        <v>2</v>
      </c>
      <c r="C538" s="10" t="s">
        <v>209</v>
      </c>
      <c r="D538" s="10" t="s">
        <v>699</v>
      </c>
    </row>
    <row r="539" spans="1:4" ht="14.25" customHeight="1" x14ac:dyDescent="0.25">
      <c r="A539" s="2" t="s">
        <v>28</v>
      </c>
      <c r="B539" s="8">
        <v>1</v>
      </c>
      <c r="C539" s="10" t="s">
        <v>184</v>
      </c>
      <c r="D539" s="10" t="s">
        <v>700</v>
      </c>
    </row>
    <row r="540" spans="1:4" ht="14.25" customHeight="1" x14ac:dyDescent="0.25">
      <c r="A540" s="2" t="s">
        <v>29</v>
      </c>
      <c r="B540" s="8">
        <v>10</v>
      </c>
      <c r="C540" s="10" t="s">
        <v>84</v>
      </c>
      <c r="D540" s="28" t="s">
        <v>513</v>
      </c>
    </row>
    <row r="541" spans="1:4" ht="14.25" customHeight="1" x14ac:dyDescent="0.25">
      <c r="A541" s="2" t="s">
        <v>29</v>
      </c>
      <c r="B541" s="8">
        <v>9</v>
      </c>
      <c r="C541" s="10" t="s">
        <v>125</v>
      </c>
      <c r="D541" s="28" t="s">
        <v>514</v>
      </c>
    </row>
    <row r="542" spans="1:4" ht="14.25" customHeight="1" x14ac:dyDescent="0.25">
      <c r="A542" s="2" t="s">
        <v>29</v>
      </c>
      <c r="B542" s="8">
        <v>8</v>
      </c>
      <c r="C542" s="10" t="s">
        <v>365</v>
      </c>
      <c r="D542" s="10" t="s">
        <v>515</v>
      </c>
    </row>
    <row r="543" spans="1:4" ht="14.25" customHeight="1" x14ac:dyDescent="0.25">
      <c r="A543" s="2" t="s">
        <v>29</v>
      </c>
      <c r="B543" s="8">
        <v>7</v>
      </c>
      <c r="C543" s="10" t="s">
        <v>82</v>
      </c>
      <c r="D543" s="10" t="s">
        <v>516</v>
      </c>
    </row>
    <row r="544" spans="1:4" ht="14.25" customHeight="1" x14ac:dyDescent="0.25">
      <c r="A544" s="2" t="s">
        <v>29</v>
      </c>
      <c r="B544" s="8">
        <v>6</v>
      </c>
      <c r="C544" s="10" t="s">
        <v>111</v>
      </c>
      <c r="D544" s="28" t="s">
        <v>517</v>
      </c>
    </row>
    <row r="545" spans="1:4" ht="14.25" customHeight="1" x14ac:dyDescent="0.25">
      <c r="A545" s="2" t="s">
        <v>29</v>
      </c>
      <c r="B545" s="8">
        <v>5</v>
      </c>
      <c r="C545" s="10" t="s">
        <v>316</v>
      </c>
      <c r="D545" s="28" t="s">
        <v>518</v>
      </c>
    </row>
    <row r="546" spans="1:4" ht="14.25" customHeight="1" x14ac:dyDescent="0.25">
      <c r="A546" s="2" t="s">
        <v>29</v>
      </c>
      <c r="B546" s="8">
        <v>4</v>
      </c>
      <c r="C546" s="10" t="s">
        <v>71</v>
      </c>
      <c r="D546" s="13" t="s">
        <v>519</v>
      </c>
    </row>
    <row r="547" spans="1:4" ht="14.25" customHeight="1" x14ac:dyDescent="0.25">
      <c r="A547" s="2" t="s">
        <v>29</v>
      </c>
      <c r="B547" s="8">
        <v>3</v>
      </c>
      <c r="C547" s="10" t="s">
        <v>75</v>
      </c>
      <c r="D547" s="28" t="s">
        <v>520</v>
      </c>
    </row>
    <row r="548" spans="1:4" ht="14.25" customHeight="1" x14ac:dyDescent="0.25">
      <c r="A548" s="2" t="s">
        <v>29</v>
      </c>
      <c r="B548" s="8">
        <v>2</v>
      </c>
      <c r="C548" s="10" t="s">
        <v>409</v>
      </c>
      <c r="D548" s="28" t="s">
        <v>521</v>
      </c>
    </row>
    <row r="549" spans="1:4" ht="14.25" customHeight="1" x14ac:dyDescent="0.25">
      <c r="A549" s="2" t="s">
        <v>29</v>
      </c>
      <c r="B549" s="8">
        <v>1</v>
      </c>
      <c r="C549" s="10" t="s">
        <v>60</v>
      </c>
      <c r="D549" s="13" t="s">
        <v>522</v>
      </c>
    </row>
    <row r="550" spans="1:4" ht="14.25" customHeight="1" x14ac:dyDescent="0.25">
      <c r="A550" s="2" t="s">
        <v>30</v>
      </c>
      <c r="B550" s="8">
        <v>10</v>
      </c>
      <c r="C550" s="10" t="s">
        <v>308</v>
      </c>
      <c r="D550" s="28" t="s">
        <v>605</v>
      </c>
    </row>
    <row r="551" spans="1:4" ht="14.25" customHeight="1" x14ac:dyDescent="0.25">
      <c r="A551" s="2" t="s">
        <v>30</v>
      </c>
      <c r="B551" s="8">
        <v>9</v>
      </c>
      <c r="C551" s="10" t="s">
        <v>63</v>
      </c>
      <c r="D551" s="28" t="s">
        <v>606</v>
      </c>
    </row>
    <row r="552" spans="1:4" ht="14.25" customHeight="1" x14ac:dyDescent="0.25">
      <c r="A552" s="2" t="s">
        <v>30</v>
      </c>
      <c r="B552" s="8">
        <v>8</v>
      </c>
      <c r="C552" s="10" t="s">
        <v>316</v>
      </c>
      <c r="D552" s="28" t="s">
        <v>607</v>
      </c>
    </row>
    <row r="553" spans="1:4" ht="14.25" customHeight="1" x14ac:dyDescent="0.25">
      <c r="A553" s="2" t="s">
        <v>30</v>
      </c>
      <c r="B553" s="8">
        <v>7</v>
      </c>
      <c r="C553" s="10" t="s">
        <v>140</v>
      </c>
      <c r="D553" s="28" t="s">
        <v>608</v>
      </c>
    </row>
    <row r="554" spans="1:4" ht="14.25" customHeight="1" x14ac:dyDescent="0.25">
      <c r="A554" s="2" t="s">
        <v>30</v>
      </c>
      <c r="B554" s="8">
        <v>6</v>
      </c>
      <c r="C554" s="10" t="s">
        <v>445</v>
      </c>
      <c r="D554" s="28" t="s">
        <v>609</v>
      </c>
    </row>
    <row r="555" spans="1:4" ht="14.25" customHeight="1" x14ac:dyDescent="0.25">
      <c r="A555" s="2" t="s">
        <v>30</v>
      </c>
      <c r="B555" s="8">
        <v>5</v>
      </c>
      <c r="C555" s="10" t="s">
        <v>99</v>
      </c>
      <c r="D555" s="28" t="s">
        <v>610</v>
      </c>
    </row>
    <row r="556" spans="1:4" ht="14.25" customHeight="1" x14ac:dyDescent="0.25">
      <c r="A556" s="2" t="s">
        <v>30</v>
      </c>
      <c r="B556" s="8">
        <v>4</v>
      </c>
      <c r="C556" s="10" t="s">
        <v>71</v>
      </c>
      <c r="D556" s="13" t="s">
        <v>611</v>
      </c>
    </row>
    <row r="557" spans="1:4" ht="14.25" customHeight="1" x14ac:dyDescent="0.25">
      <c r="A557" s="2" t="s">
        <v>30</v>
      </c>
      <c r="B557" s="8">
        <v>3</v>
      </c>
      <c r="C557" s="10" t="s">
        <v>103</v>
      </c>
      <c r="D557" s="28" t="s">
        <v>612</v>
      </c>
    </row>
    <row r="558" spans="1:4" ht="14.25" customHeight="1" x14ac:dyDescent="0.25">
      <c r="A558" s="2" t="s">
        <v>30</v>
      </c>
      <c r="B558" s="8">
        <v>2</v>
      </c>
      <c r="C558" s="10" t="s">
        <v>613</v>
      </c>
      <c r="D558" s="28" t="s">
        <v>614</v>
      </c>
    </row>
    <row r="559" spans="1:4" ht="14.25" customHeight="1" x14ac:dyDescent="0.25">
      <c r="A559" s="2" t="s">
        <v>30</v>
      </c>
      <c r="B559" s="8">
        <v>1</v>
      </c>
      <c r="C559" s="10" t="s">
        <v>73</v>
      </c>
      <c r="D559" s="28" t="s">
        <v>615</v>
      </c>
    </row>
    <row r="560" spans="1:4" ht="14.25" customHeight="1" x14ac:dyDescent="0.25">
      <c r="A560" s="2" t="s">
        <v>58</v>
      </c>
      <c r="B560" s="8">
        <v>10</v>
      </c>
      <c r="C560" s="10" t="s">
        <v>163</v>
      </c>
      <c r="D560" s="10" t="s">
        <v>533</v>
      </c>
    </row>
    <row r="561" spans="1:4" ht="14.25" customHeight="1" x14ac:dyDescent="0.25">
      <c r="A561" s="2" t="s">
        <v>58</v>
      </c>
      <c r="B561" s="8">
        <v>9</v>
      </c>
      <c r="C561" s="10" t="s">
        <v>360</v>
      </c>
      <c r="D561" s="10" t="s">
        <v>534</v>
      </c>
    </row>
    <row r="562" spans="1:4" ht="14.25" customHeight="1" x14ac:dyDescent="0.25">
      <c r="A562" s="2" t="s">
        <v>58</v>
      </c>
      <c r="B562" s="8">
        <v>8</v>
      </c>
      <c r="C562" s="10" t="s">
        <v>82</v>
      </c>
      <c r="D562" s="10" t="s">
        <v>535</v>
      </c>
    </row>
    <row r="563" spans="1:4" ht="14.25" customHeight="1" x14ac:dyDescent="0.25">
      <c r="A563" s="2" t="s">
        <v>58</v>
      </c>
      <c r="B563" s="8">
        <v>7</v>
      </c>
      <c r="C563" s="10" t="s">
        <v>111</v>
      </c>
      <c r="D563" s="10" t="s">
        <v>536</v>
      </c>
    </row>
    <row r="564" spans="1:4" ht="14.25" customHeight="1" x14ac:dyDescent="0.25">
      <c r="A564" s="2" t="s">
        <v>58</v>
      </c>
      <c r="B564" s="8">
        <v>6</v>
      </c>
      <c r="C564" s="10" t="s">
        <v>125</v>
      </c>
      <c r="D564" s="10" t="s">
        <v>537</v>
      </c>
    </row>
    <row r="565" spans="1:4" ht="14.25" customHeight="1" x14ac:dyDescent="0.25">
      <c r="A565" s="2" t="s">
        <v>58</v>
      </c>
      <c r="B565" s="8">
        <v>5</v>
      </c>
      <c r="C565" s="10" t="s">
        <v>538</v>
      </c>
      <c r="D565" s="10" t="s">
        <v>539</v>
      </c>
    </row>
    <row r="566" spans="1:4" ht="14.25" customHeight="1" x14ac:dyDescent="0.25">
      <c r="A566" s="2" t="s">
        <v>58</v>
      </c>
      <c r="B566" s="8">
        <v>4</v>
      </c>
      <c r="C566" s="10" t="s">
        <v>71</v>
      </c>
      <c r="D566" s="10" t="s">
        <v>540</v>
      </c>
    </row>
    <row r="567" spans="1:4" ht="14.25" customHeight="1" x14ac:dyDescent="0.25">
      <c r="A567" s="2" t="s">
        <v>58</v>
      </c>
      <c r="B567" s="8">
        <v>3</v>
      </c>
      <c r="C567" s="10" t="s">
        <v>500</v>
      </c>
      <c r="D567" s="10" t="s">
        <v>541</v>
      </c>
    </row>
    <row r="568" spans="1:4" ht="14.25" customHeight="1" x14ac:dyDescent="0.25">
      <c r="A568" s="2" t="s">
        <v>58</v>
      </c>
      <c r="B568" s="8">
        <v>2</v>
      </c>
      <c r="C568" s="10" t="s">
        <v>538</v>
      </c>
      <c r="D568" s="10" t="s">
        <v>542</v>
      </c>
    </row>
    <row r="569" spans="1:4" ht="14.25" customHeight="1" x14ac:dyDescent="0.25">
      <c r="A569" s="2" t="s">
        <v>58</v>
      </c>
      <c r="B569" s="8">
        <v>1</v>
      </c>
      <c r="C569" s="10" t="s">
        <v>75</v>
      </c>
      <c r="D569" s="10" t="s">
        <v>543</v>
      </c>
    </row>
  </sheetData>
  <phoneticPr fontId="0" type="noConversion"/>
  <printOptions gridLines="1"/>
  <pageMargins left="0.2" right="0.23" top="1" bottom="1" header="0.5" footer="0.5"/>
  <pageSetup scale="73" orientation="landscape" horizontalDpi="1200" verticalDpi="1200" r:id="rId1"/>
  <headerFooter alignWithMargins="0">
    <oddFooter>&amp;CPage &amp;P</oddFooter>
  </headerFooter>
  <drawing r:id="rId2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Cybis Communicatio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ffrey Douglass</dc:creator>
  <cp:lastModifiedBy>Davis, Molly</cp:lastModifiedBy>
  <cp:lastPrinted>2011-04-19T00:37:36Z</cp:lastPrinted>
  <dcterms:created xsi:type="dcterms:W3CDTF">2004-04-01T06:26:42Z</dcterms:created>
  <dcterms:modified xsi:type="dcterms:W3CDTF">2021-07-19T16:54:17Z</dcterms:modified>
</cp:coreProperties>
</file>